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5"/>
  </p:sldMasterIdLst>
  <p:notesMasterIdLst>
    <p:notesMasterId r:id="rId25"/>
  </p:notesMasterIdLst>
  <p:handoutMasterIdLst>
    <p:handoutMasterId r:id="rId26"/>
  </p:handoutMasterIdLst>
  <p:sldIdLst>
    <p:sldId id="256" r:id="rId6"/>
    <p:sldId id="257" r:id="rId7"/>
    <p:sldId id="296" r:id="rId8"/>
    <p:sldId id="289" r:id="rId9"/>
    <p:sldId id="293" r:id="rId10"/>
    <p:sldId id="294" r:id="rId11"/>
    <p:sldId id="295" r:id="rId12"/>
    <p:sldId id="304" r:id="rId13"/>
    <p:sldId id="265" r:id="rId14"/>
    <p:sldId id="292" r:id="rId15"/>
    <p:sldId id="297" r:id="rId16"/>
    <p:sldId id="299" r:id="rId17"/>
    <p:sldId id="303" r:id="rId18"/>
    <p:sldId id="300" r:id="rId19"/>
    <p:sldId id="307" r:id="rId20"/>
    <p:sldId id="306" r:id="rId21"/>
    <p:sldId id="301" r:id="rId22"/>
    <p:sldId id="302" r:id="rId23"/>
    <p:sldId id="305" r:id="rId24"/>
  </p:sldIdLst>
  <p:sldSz cx="12192000" cy="6858000"/>
  <p:notesSz cx="6858000" cy="9144000"/>
  <p:custDataLst>
    <p:tags r:id="rId27"/>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8F8F8"/>
    <a:srgbClr val="333333"/>
    <a:srgbClr val="67469C"/>
    <a:srgbClr val="83B1B3"/>
    <a:srgbClr val="912020"/>
    <a:srgbClr val="478228"/>
    <a:srgbClr val="D55800"/>
    <a:srgbClr val="200649"/>
    <a:srgbClr val="EBE4F3"/>
    <a:srgbClr val="502E9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4660"/>
  </p:normalViewPr>
  <p:slideViewPr>
    <p:cSldViewPr snapToGrid="0" showGuides="1">
      <p:cViewPr varScale="1">
        <p:scale>
          <a:sx n="64" d="100"/>
          <a:sy n="64" d="100"/>
        </p:scale>
        <p:origin x="748" y="48"/>
      </p:cViewPr>
      <p:guideLst/>
    </p:cSldViewPr>
  </p:slideViewPr>
  <p:notesTextViewPr>
    <p:cViewPr>
      <p:scale>
        <a:sx n="1" d="1"/>
        <a:sy n="1" d="1"/>
      </p:scale>
      <p:origin x="0" y="0"/>
    </p:cViewPr>
  </p:notesTextViewPr>
  <p:notesViewPr>
    <p:cSldViewPr snapToGrid="0">
      <p:cViewPr varScale="1">
        <p:scale>
          <a:sx n="117" d="100"/>
          <a:sy n="117" d="100"/>
        </p:scale>
        <p:origin x="4176" y="9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18" Type="http://schemas.openxmlformats.org/officeDocument/2006/relationships/slide" Target="slides/slide13.xml"/><Relationship Id="rId26"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slide" Target="slides/slide16.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slide" Target="slides/slide12.xml"/><Relationship Id="rId25"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11.xml"/><Relationship Id="rId20" Type="http://schemas.openxmlformats.org/officeDocument/2006/relationships/slide" Target="slides/slide15.xml"/><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24" Type="http://schemas.openxmlformats.org/officeDocument/2006/relationships/slide" Target="slides/slide19.xml"/><Relationship Id="rId5" Type="http://schemas.openxmlformats.org/officeDocument/2006/relationships/slideMaster" Target="slideMasters/slideMaster1.xml"/><Relationship Id="rId15" Type="http://schemas.openxmlformats.org/officeDocument/2006/relationships/slide" Target="slides/slide10.xml"/><Relationship Id="rId23" Type="http://schemas.openxmlformats.org/officeDocument/2006/relationships/slide" Target="slides/slide18.xml"/><Relationship Id="rId28" Type="http://schemas.openxmlformats.org/officeDocument/2006/relationships/presProps" Target="presProps.xml"/><Relationship Id="rId10" Type="http://schemas.openxmlformats.org/officeDocument/2006/relationships/slide" Target="slides/slide5.xml"/><Relationship Id="rId19" Type="http://schemas.openxmlformats.org/officeDocument/2006/relationships/slide" Target="slides/slide14.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slide" Target="slides/slide17.xml"/><Relationship Id="rId27" Type="http://schemas.openxmlformats.org/officeDocument/2006/relationships/tags" Target="tags/tag1.xml"/><Relationship Id="rId30"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469F0A5-453C-BFC6-726A-C39B2BD69DF3}"/>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D5A987DC-9655-780B-4E61-9E83DA14516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D8A5667-8301-49D0-80B4-F318A70114F3}" type="datetimeFigureOut">
              <a:rPr lang="en-GB" smtClean="0"/>
              <a:t>15/11/2024</a:t>
            </a:fld>
            <a:endParaRPr lang="en-GB"/>
          </a:p>
        </p:txBody>
      </p:sp>
      <p:sp>
        <p:nvSpPr>
          <p:cNvPr id="4" name="Footer Placeholder 3">
            <a:extLst>
              <a:ext uri="{FF2B5EF4-FFF2-40B4-BE49-F238E27FC236}">
                <a16:creationId xmlns:a16="http://schemas.microsoft.com/office/drawing/2014/main" id="{E3547B3E-B866-51E8-5110-B236132F6CB7}"/>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AA90735E-F930-1FCA-C6FE-D2264DC7C41E}"/>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4B8184B5-BC8B-4DA7-B0A1-9D5F64D14EA9}" type="slidenum">
              <a:rPr lang="en-GB" smtClean="0"/>
              <a:t>‹#›</a:t>
            </a:fld>
            <a:endParaRPr lang="en-GB"/>
          </a:p>
        </p:txBody>
      </p:sp>
    </p:spTree>
    <p:extLst>
      <p:ext uri="{BB962C8B-B14F-4D97-AF65-F5344CB8AC3E}">
        <p14:creationId xmlns:p14="http://schemas.microsoft.com/office/powerpoint/2010/main" val="117480320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A207983-F1D6-4521-B4DA-5714FDF81034}" type="datetimeFigureOut">
              <a:rPr lang="en-GB" smtClean="0"/>
              <a:t>15/11/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4D14126E-58AC-43E5-9E39-268553037C52}" type="slidenum">
              <a:rPr lang="en-GB" smtClean="0"/>
              <a:t>‹#›</a:t>
            </a:fld>
            <a:endParaRPr lang="en-GB"/>
          </a:p>
        </p:txBody>
      </p:sp>
    </p:spTree>
    <p:extLst>
      <p:ext uri="{BB962C8B-B14F-4D97-AF65-F5344CB8AC3E}">
        <p14:creationId xmlns:p14="http://schemas.microsoft.com/office/powerpoint/2010/main" val="3011748586"/>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6" Type="http://schemas.openxmlformats.org/officeDocument/2006/relationships/image" Target="../media/image6.svg"/><Relationship Id="rId5" Type="http://schemas.openxmlformats.org/officeDocument/2006/relationships/image" Target="../media/image5.png"/><Relationship Id="rId4" Type="http://schemas.openxmlformats.org/officeDocument/2006/relationships/image" Target="../media/image4.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15.xml"/><Relationship Id="rId4" Type="http://schemas.openxmlformats.org/officeDocument/2006/relationships/image" Target="../media/image2.svg"/></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7.xml.rels><?xml version="1.0" encoding="UTF-8" standalone="yes"?>
<Relationships xmlns="http://schemas.openxmlformats.org/package/2006/relationships"><Relationship Id="rId8" Type="http://schemas.openxmlformats.org/officeDocument/2006/relationships/hyperlink" Target="https://www.linkedin.com/search/results/all/?keywords=maximus%20uk&amp;origin=RICH_QUERY_SUGGESTION&amp;position=0&amp;searchId=ee22f5d2-1622-4119-8475-a94a281aafdc&amp;sid=bxW" TargetMode="External"/><Relationship Id="rId3" Type="http://schemas.openxmlformats.org/officeDocument/2006/relationships/image" Target="../media/image3.png"/><Relationship Id="rId7" Type="http://schemas.openxmlformats.org/officeDocument/2006/relationships/hyperlink" Target="https://www.youtube.com/channel/UCxwyV6yFeQuXSl3V1P3MnFw" TargetMode="External"/><Relationship Id="rId2" Type="http://schemas.openxmlformats.org/officeDocument/2006/relationships/slideMaster" Target="../slideMasters/slideMaster1.xml"/><Relationship Id="rId1" Type="http://schemas.openxmlformats.org/officeDocument/2006/relationships/tags" Target="../tags/tag22.xml"/><Relationship Id="rId6" Type="http://schemas.openxmlformats.org/officeDocument/2006/relationships/image" Target="../media/image6.svg"/><Relationship Id="rId5" Type="http://schemas.openxmlformats.org/officeDocument/2006/relationships/image" Target="../media/image5.png"/><Relationship Id="rId10" Type="http://schemas.openxmlformats.org/officeDocument/2006/relationships/hyperlink" Target="https://www.maximusuk.co.uk/" TargetMode="External"/><Relationship Id="rId4" Type="http://schemas.openxmlformats.org/officeDocument/2006/relationships/image" Target="../media/image4.svg"/><Relationship Id="rId9" Type="http://schemas.openxmlformats.org/officeDocument/2006/relationships/hyperlink" Target="https://www.facebook.com/MaximusUnitedKingdom/" TargetMode="Externa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linkedin.com/search/results/all/?keywords=maximus%20uk&amp;origin=RICH_QUERY_SUGGESTION&amp;position=0&amp;searchId=ee22f5d2-1622-4119-8475-a94a281aafdc&amp;sid=bxW" TargetMode="External"/><Relationship Id="rId3" Type="http://schemas.openxmlformats.org/officeDocument/2006/relationships/image" Target="../media/image7.png"/><Relationship Id="rId7" Type="http://schemas.openxmlformats.org/officeDocument/2006/relationships/hyperlink" Target="https://www.youtube.com/channel/UCxwyV6yFeQuXSl3V1P3MnFw" TargetMode="External"/><Relationship Id="rId2" Type="http://schemas.openxmlformats.org/officeDocument/2006/relationships/slideMaster" Target="../slideMasters/slideMaster1.xml"/><Relationship Id="rId1" Type="http://schemas.openxmlformats.org/officeDocument/2006/relationships/tags" Target="../tags/tag23.xml"/><Relationship Id="rId6" Type="http://schemas.openxmlformats.org/officeDocument/2006/relationships/image" Target="../media/image10.svg"/><Relationship Id="rId5" Type="http://schemas.openxmlformats.org/officeDocument/2006/relationships/image" Target="../media/image9.png"/><Relationship Id="rId10" Type="http://schemas.openxmlformats.org/officeDocument/2006/relationships/hyperlink" Target="https://www.maximusuk.co.uk/" TargetMode="External"/><Relationship Id="rId4" Type="http://schemas.openxmlformats.org/officeDocument/2006/relationships/image" Target="../media/image8.svg"/><Relationship Id="rId9" Type="http://schemas.openxmlformats.org/officeDocument/2006/relationships/hyperlink" Target="https://www.facebook.com/MaximusUnitedKingdom/" TargetMode="Externa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7.xml"/><Relationship Id="rId6" Type="http://schemas.openxmlformats.org/officeDocument/2006/relationships/image" Target="../media/image10.svg"/><Relationship Id="rId5" Type="http://schemas.openxmlformats.org/officeDocument/2006/relationships/image" Target="../media/image9.png"/><Relationship Id="rId4" Type="http://schemas.openxmlformats.org/officeDocument/2006/relationships/image" Target="../media/image8.svg"/></Relationships>
</file>

<file path=ppt/slideLayouts/_rels/slideLayout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ags" Target="../tags/tag9.xml"/><Relationship Id="rId4" Type="http://schemas.openxmlformats.org/officeDocument/2006/relationships/image" Target="../media/image12.sv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10.xml"/><Relationship Id="rId4" Type="http://schemas.openxmlformats.org/officeDocument/2006/relationships/image" Target="../media/image14.svg"/></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16.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6.sv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_Purple">
    <p:bg>
      <p:bgPr>
        <a:solidFill>
          <a:schemeClr val="bg2"/>
        </a:solidFill>
        <a:effectLst/>
      </p:bgPr>
    </p:bg>
    <p:spTree>
      <p:nvGrpSpPr>
        <p:cNvPr id="1" name=""/>
        <p:cNvGrpSpPr/>
        <p:nvPr/>
      </p:nvGrpSpPr>
      <p:grpSpPr>
        <a:xfrm>
          <a:off x="0" y="0"/>
          <a:ext cx="0" cy="0"/>
          <a:chOff x="0" y="0"/>
          <a:chExt cx="0" cy="0"/>
        </a:xfrm>
      </p:grpSpPr>
      <p:pic>
        <p:nvPicPr>
          <p:cNvPr id="14" name="Graphic 13">
            <a:extLst>
              <a:ext uri="{FF2B5EF4-FFF2-40B4-BE49-F238E27FC236}">
                <a16:creationId xmlns:a16="http://schemas.microsoft.com/office/drawing/2014/main" id="{8E789F1E-0243-2609-6826-890AE7AE354E}"/>
              </a:ext>
            </a:extLst>
          </p:cNvPr>
          <p:cNvPicPr>
            <a:picLocks noGrp="1" noRot="1" noChangeAspect="1" noMove="1" noResize="1" noEditPoints="1" noAdjustHandles="1" noChangeArrowheads="1" noChangeShapeType="1" noCrop="1"/>
          </p:cNvPicPr>
          <p:nvPr userDrawn="1"/>
        </p:nvPicPr>
        <p:blipFill rotWithShape="1">
          <a:blip r:embed="rId3">
            <a:extLst>
              <a:ext uri="{96DAC541-7B7A-43D3-8B79-37D633B846F1}">
                <asvg:svgBlip xmlns:asvg="http://schemas.microsoft.com/office/drawing/2016/SVG/main" r:embed="rId4"/>
              </a:ext>
            </a:extLst>
          </a:blip>
          <a:srcRect r="20548"/>
          <a:stretch/>
        </p:blipFill>
        <p:spPr>
          <a:xfrm>
            <a:off x="6211542" y="0"/>
            <a:ext cx="5993710" cy="6858000"/>
          </a:xfrm>
          <a:prstGeom prst="rect">
            <a:avLst/>
          </a:prstGeom>
        </p:spPr>
      </p:pic>
      <p:sp>
        <p:nvSpPr>
          <p:cNvPr id="2" name="Title 1">
            <a:extLst>
              <a:ext uri="{FF2B5EF4-FFF2-40B4-BE49-F238E27FC236}">
                <a16:creationId xmlns:a16="http://schemas.microsoft.com/office/drawing/2014/main" id="{1D2D396A-2A5C-0123-9248-C9763FE2BEDB}"/>
              </a:ext>
            </a:extLst>
          </p:cNvPr>
          <p:cNvSpPr>
            <a:spLocks noGrp="1"/>
          </p:cNvSpPr>
          <p:nvPr>
            <p:ph type="ctrTitle" hasCustomPrompt="1"/>
          </p:nvPr>
        </p:nvSpPr>
        <p:spPr>
          <a:xfrm>
            <a:off x="689250" y="2741578"/>
            <a:ext cx="7254600" cy="1620000"/>
          </a:xfrm>
        </p:spPr>
        <p:txBody>
          <a:bodyPr anchor="t">
            <a:normAutofit/>
          </a:bodyPr>
          <a:lstStyle>
            <a:lvl1pPr algn="l">
              <a:defRPr sz="4000">
                <a:solidFill>
                  <a:schemeClr val="bg1"/>
                </a:solidFill>
              </a:defRPr>
            </a:lvl1pPr>
          </a:lstStyle>
          <a:p>
            <a:r>
              <a:rPr lang="en-GB" dirty="0"/>
              <a:t>Click to add title</a:t>
            </a:r>
          </a:p>
        </p:txBody>
      </p:sp>
      <p:sp>
        <p:nvSpPr>
          <p:cNvPr id="4" name="Date Placeholder 3">
            <a:extLst>
              <a:ext uri="{FF2B5EF4-FFF2-40B4-BE49-F238E27FC236}">
                <a16:creationId xmlns:a16="http://schemas.microsoft.com/office/drawing/2014/main" id="{C372472D-2585-AB79-C518-1E480DCCA01A}"/>
              </a:ext>
            </a:extLst>
          </p:cNvPr>
          <p:cNvSpPr>
            <a:spLocks noGrp="1"/>
          </p:cNvSpPr>
          <p:nvPr>
            <p:ph type="dt" sz="half" idx="10"/>
          </p:nvPr>
        </p:nvSpPr>
        <p:spPr>
          <a:xfrm>
            <a:off x="9441181" y="6024875"/>
            <a:ext cx="1376992" cy="365125"/>
          </a:xfrm>
          <a:prstGeom prst="rect">
            <a:avLst/>
          </a:prstGeom>
        </p:spPr>
        <p:txBody>
          <a:bodyPr lIns="0" tIns="0" rIns="0" bIns="0" anchor="ctr"/>
          <a:lstStyle>
            <a:lvl1pPr algn="r">
              <a:defRPr sz="1400" b="1">
                <a:solidFill>
                  <a:srgbClr val="EBE4F3"/>
                </a:solidFill>
              </a:defRPr>
            </a:lvl1pPr>
          </a:lstStyle>
          <a:p>
            <a:endParaRPr lang="en-GB" dirty="0"/>
          </a:p>
        </p:txBody>
      </p:sp>
      <p:sp>
        <p:nvSpPr>
          <p:cNvPr id="3" name="Footer Placeholder 2">
            <a:extLst>
              <a:ext uri="{FF2B5EF4-FFF2-40B4-BE49-F238E27FC236}">
                <a16:creationId xmlns:a16="http://schemas.microsoft.com/office/drawing/2014/main" id="{7E5EC1BA-F0E6-6DA7-0996-8D4C7267AAE3}"/>
              </a:ext>
            </a:extLst>
          </p:cNvPr>
          <p:cNvSpPr>
            <a:spLocks noGrp="1"/>
          </p:cNvSpPr>
          <p:nvPr>
            <p:ph type="ftr" sz="quarter" idx="11"/>
          </p:nvPr>
        </p:nvSpPr>
        <p:spPr>
          <a:xfrm>
            <a:off x="689250" y="6024875"/>
            <a:ext cx="2179680" cy="365125"/>
          </a:xfrm>
        </p:spPr>
        <p:txBody>
          <a:bodyPr/>
          <a:lstStyle/>
          <a:p>
            <a:r>
              <a:rPr lang="en-GB" dirty="0">
                <a:latin typeface="Avenir Next LT Pro" panose="020B0504020202020204" pitchFamily="34" charset="0"/>
              </a:rPr>
              <a:t>Transforming Lives.</a:t>
            </a:r>
          </a:p>
        </p:txBody>
      </p:sp>
      <p:sp>
        <p:nvSpPr>
          <p:cNvPr id="15" name="Guides">
            <a:extLst>
              <a:ext uri="{FF2B5EF4-FFF2-40B4-BE49-F238E27FC236}">
                <a16:creationId xmlns:a16="http://schemas.microsoft.com/office/drawing/2014/main" id="{B21D532F-78BB-F822-8B70-C4524278163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Graphic 5">
            <a:extLst>
              <a:ext uri="{FF2B5EF4-FFF2-40B4-BE49-F238E27FC236}">
                <a16:creationId xmlns:a16="http://schemas.microsoft.com/office/drawing/2014/main" id="{B354D7E2-25BB-7728-5FB7-F4092781E1A8}"/>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689250" y="1081860"/>
            <a:ext cx="3420000" cy="433879"/>
          </a:xfrm>
          <a:prstGeom prst="rect">
            <a:avLst/>
          </a:prstGeom>
        </p:spPr>
      </p:pic>
    </p:spTree>
    <p:extLst>
      <p:ext uri="{BB962C8B-B14F-4D97-AF65-F5344CB8AC3E}">
        <p14:creationId xmlns:p14="http://schemas.microsoft.com/office/powerpoint/2010/main" val="2372292696"/>
      </p:ext>
    </p:extLst>
  </p:cSld>
  <p:clrMapOvr>
    <a:masterClrMapping/>
  </p:clrMapOvr>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Two Content">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16951CB8-1714-2447-8949-16615C47FF63}"/>
              </a:ext>
            </a:extLst>
          </p:cNvPr>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Content Placeholder 2">
            <a:extLst>
              <a:ext uri="{FF2B5EF4-FFF2-40B4-BE49-F238E27FC236}">
                <a16:creationId xmlns:a16="http://schemas.microsoft.com/office/drawing/2014/main" id="{E250BDB9-7AD8-9187-3D04-C0919CCC7482}"/>
              </a:ext>
            </a:extLst>
          </p:cNvPr>
          <p:cNvSpPr>
            <a:spLocks noGrp="1"/>
          </p:cNvSpPr>
          <p:nvPr>
            <p:ph sz="half" idx="1" hasCustomPrompt="1"/>
          </p:nvPr>
        </p:nvSpPr>
        <p:spPr>
          <a:xfrm>
            <a:off x="431999" y="1061999"/>
            <a:ext cx="5311085" cy="5038764"/>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Content Placeholder 3">
            <a:extLst>
              <a:ext uri="{FF2B5EF4-FFF2-40B4-BE49-F238E27FC236}">
                <a16:creationId xmlns:a16="http://schemas.microsoft.com/office/drawing/2014/main" id="{9DEE9708-B034-DD3C-2396-1A99397D45EF}"/>
              </a:ext>
            </a:extLst>
          </p:cNvPr>
          <p:cNvSpPr>
            <a:spLocks noGrp="1"/>
          </p:cNvSpPr>
          <p:nvPr>
            <p:ph sz="half" idx="2" hasCustomPrompt="1"/>
          </p:nvPr>
        </p:nvSpPr>
        <p:spPr>
          <a:xfrm>
            <a:off x="6438002" y="1061999"/>
            <a:ext cx="5321998" cy="5038764"/>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14" name="Graphic 13">
            <a:extLst>
              <a:ext uri="{FF2B5EF4-FFF2-40B4-BE49-F238E27FC236}">
                <a16:creationId xmlns:a16="http://schemas.microsoft.com/office/drawing/2014/main" id="{9DC0161B-95EF-06E2-0878-CCC4CC02FEDB}"/>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297142" y="324000"/>
            <a:ext cx="462858" cy="450000"/>
          </a:xfrm>
          <a:prstGeom prst="rect">
            <a:avLst/>
          </a:prstGeom>
        </p:spPr>
      </p:pic>
      <p:sp>
        <p:nvSpPr>
          <p:cNvPr id="6" name="Footer Placeholder 5">
            <a:extLst>
              <a:ext uri="{FF2B5EF4-FFF2-40B4-BE49-F238E27FC236}">
                <a16:creationId xmlns:a16="http://schemas.microsoft.com/office/drawing/2014/main" id="{3FA6E2C5-A507-670A-94D2-34F6F63AA0F2}"/>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7" name="Slide Number Placeholder 6">
            <a:extLst>
              <a:ext uri="{FF2B5EF4-FFF2-40B4-BE49-F238E27FC236}">
                <a16:creationId xmlns:a16="http://schemas.microsoft.com/office/drawing/2014/main" id="{B05D83EA-A7E0-23D4-F5F4-ED23ED980D1E}"/>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7" name="Guides" hidden="1">
            <a:extLst>
              <a:ext uri="{FF2B5EF4-FFF2-40B4-BE49-F238E27FC236}">
                <a16:creationId xmlns:a16="http://schemas.microsoft.com/office/drawing/2014/main" id="{4AA8FA66-0272-2715-F634-FE561716499A}"/>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A30DF950-FF2F-30A7-E6AB-29B9CAB39171}"/>
              </a:ext>
            </a:extLst>
          </p:cNvPr>
          <p:cNvSpPr>
            <a:spLocks noGrp="1"/>
          </p:cNvSpPr>
          <p:nvPr>
            <p:ph type="title"/>
          </p:nvPr>
        </p:nvSpPr>
        <p:spPr>
          <a:xfrm>
            <a:off x="432000" y="324000"/>
            <a:ext cx="5311084" cy="45000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1908245595"/>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9" userDrawn="1">
          <p15:clr>
            <a:srgbClr val="FF96FF"/>
          </p15:clr>
        </p15:guide>
        <p15:guide id="8" pos="7407"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9E8D761-AFBE-3D7B-6380-195A02047F6A}"/>
              </a:ext>
            </a:extLst>
          </p:cNvPr>
          <p:cNvSpPr>
            <a:spLocks/>
          </p:cNvSpPr>
          <p:nvPr userDrawn="1"/>
        </p:nvSpPr>
        <p:spPr>
          <a:xfrm>
            <a:off x="431999" y="1061998"/>
            <a:ext cx="5556001" cy="5040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0" name="Rectangle 9">
            <a:extLst>
              <a:ext uri="{FF2B5EF4-FFF2-40B4-BE49-F238E27FC236}">
                <a16:creationId xmlns:a16="http://schemas.microsoft.com/office/drawing/2014/main" id="{CAD298DD-0C6B-2545-31B4-45FE745EE35B}"/>
              </a:ext>
            </a:extLst>
          </p:cNvPr>
          <p:cNvSpPr>
            <a:spLocks/>
          </p:cNvSpPr>
          <p:nvPr userDrawn="1"/>
        </p:nvSpPr>
        <p:spPr>
          <a:xfrm>
            <a:off x="6204001" y="1061998"/>
            <a:ext cx="5556001" cy="5040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Text Placeholder 14">
            <a:extLst>
              <a:ext uri="{FF2B5EF4-FFF2-40B4-BE49-F238E27FC236}">
                <a16:creationId xmlns:a16="http://schemas.microsoft.com/office/drawing/2014/main" id="{CCB2D98D-758B-FBB7-D7B6-CE53FFF2DC62}"/>
              </a:ext>
            </a:extLst>
          </p:cNvPr>
          <p:cNvSpPr>
            <a:spLocks noGrp="1"/>
          </p:cNvSpPr>
          <p:nvPr>
            <p:ph type="body" sz="quarter" idx="13" hasCustomPrompt="1"/>
          </p:nvPr>
        </p:nvSpPr>
        <p:spPr>
          <a:xfrm>
            <a:off x="1679312" y="2860606"/>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8" name="Text Placeholder 14">
            <a:extLst>
              <a:ext uri="{FF2B5EF4-FFF2-40B4-BE49-F238E27FC236}">
                <a16:creationId xmlns:a16="http://schemas.microsoft.com/office/drawing/2014/main" id="{8C162809-5E1E-E752-AA61-E1A1D622FCF8}"/>
              </a:ext>
            </a:extLst>
          </p:cNvPr>
          <p:cNvSpPr>
            <a:spLocks noGrp="1"/>
          </p:cNvSpPr>
          <p:nvPr>
            <p:ph type="body" sz="quarter" idx="14" hasCustomPrompt="1"/>
          </p:nvPr>
        </p:nvSpPr>
        <p:spPr>
          <a:xfrm>
            <a:off x="7451999" y="2860606"/>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3" name="Footer Placeholder 2">
            <a:extLst>
              <a:ext uri="{FF2B5EF4-FFF2-40B4-BE49-F238E27FC236}">
                <a16:creationId xmlns:a16="http://schemas.microsoft.com/office/drawing/2014/main" id="{2BFC4657-54F9-09F6-C656-30A48263CE60}"/>
              </a:ext>
            </a:extLst>
          </p:cNvPr>
          <p:cNvSpPr>
            <a:spLocks noGrp="1"/>
          </p:cNvSpPr>
          <p:nvPr>
            <p:ph type="ftr" sz="quarter" idx="15"/>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Slide Number Placeholder 3">
            <a:extLst>
              <a:ext uri="{FF2B5EF4-FFF2-40B4-BE49-F238E27FC236}">
                <a16:creationId xmlns:a16="http://schemas.microsoft.com/office/drawing/2014/main" id="{6FD0D34E-4FCB-B922-B87A-21328766E77A}"/>
              </a:ext>
            </a:extLst>
          </p:cNvPr>
          <p:cNvSpPr>
            <a:spLocks noGrp="1"/>
          </p:cNvSpPr>
          <p:nvPr>
            <p:ph type="sldNum" sz="quarter" idx="16"/>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6" name="Guides" hidden="1">
            <a:extLst>
              <a:ext uri="{FF2B5EF4-FFF2-40B4-BE49-F238E27FC236}">
                <a16:creationId xmlns:a16="http://schemas.microsoft.com/office/drawing/2014/main" id="{96E25BE9-D376-3201-01AD-CA8196116A1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BBE98F12-A4B1-E633-4CC8-F51BB0B09095}"/>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170982730"/>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3771" userDrawn="1">
          <p15:clr>
            <a:srgbClr val="FF96FF"/>
          </p15:clr>
        </p15:guide>
        <p15:guide id="9" pos="3908" userDrawn="1">
          <p15:clr>
            <a:srgbClr val="FF96FF"/>
          </p15:clr>
        </p15:guide>
        <p15:guide id="10" pos="7407"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2_Two Conten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9E8D761-AFBE-3D7B-6380-195A02047F6A}"/>
              </a:ext>
            </a:extLst>
          </p:cNvPr>
          <p:cNvSpPr>
            <a:spLocks/>
          </p:cNvSpPr>
          <p:nvPr userDrawn="1"/>
        </p:nvSpPr>
        <p:spPr>
          <a:xfrm>
            <a:off x="431999" y="1061999"/>
            <a:ext cx="5556001" cy="2412000"/>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0" name="Rectangle 9">
            <a:extLst>
              <a:ext uri="{FF2B5EF4-FFF2-40B4-BE49-F238E27FC236}">
                <a16:creationId xmlns:a16="http://schemas.microsoft.com/office/drawing/2014/main" id="{CAD298DD-0C6B-2545-31B4-45FE745EE35B}"/>
              </a:ext>
            </a:extLst>
          </p:cNvPr>
          <p:cNvSpPr>
            <a:spLocks/>
          </p:cNvSpPr>
          <p:nvPr userDrawn="1"/>
        </p:nvSpPr>
        <p:spPr>
          <a:xfrm>
            <a:off x="6204001" y="1061998"/>
            <a:ext cx="5556001" cy="2412000"/>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Text Placeholder 14">
            <a:extLst>
              <a:ext uri="{FF2B5EF4-FFF2-40B4-BE49-F238E27FC236}">
                <a16:creationId xmlns:a16="http://schemas.microsoft.com/office/drawing/2014/main" id="{CCB2D98D-758B-FBB7-D7B6-CE53FFF2DC62}"/>
              </a:ext>
            </a:extLst>
          </p:cNvPr>
          <p:cNvSpPr>
            <a:spLocks noGrp="1"/>
          </p:cNvSpPr>
          <p:nvPr>
            <p:ph type="body" sz="quarter" idx="13" hasCustomPrompt="1"/>
          </p:nvPr>
        </p:nvSpPr>
        <p:spPr>
          <a:xfrm>
            <a:off x="1679999" y="1547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8" name="Text Placeholder 14">
            <a:extLst>
              <a:ext uri="{FF2B5EF4-FFF2-40B4-BE49-F238E27FC236}">
                <a16:creationId xmlns:a16="http://schemas.microsoft.com/office/drawing/2014/main" id="{8C162809-5E1E-E752-AA61-E1A1D622FCF8}"/>
              </a:ext>
            </a:extLst>
          </p:cNvPr>
          <p:cNvSpPr>
            <a:spLocks noGrp="1"/>
          </p:cNvSpPr>
          <p:nvPr>
            <p:ph type="body" sz="quarter" idx="14" hasCustomPrompt="1"/>
          </p:nvPr>
        </p:nvSpPr>
        <p:spPr>
          <a:xfrm>
            <a:off x="7452001" y="1547998"/>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spcBef>
                <a:spcPts val="400"/>
              </a:spcBef>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1" name="Rectangle 10">
            <a:extLst>
              <a:ext uri="{FF2B5EF4-FFF2-40B4-BE49-F238E27FC236}">
                <a16:creationId xmlns:a16="http://schemas.microsoft.com/office/drawing/2014/main" id="{54815983-7742-6D70-5462-BE03F6197CED}"/>
              </a:ext>
            </a:extLst>
          </p:cNvPr>
          <p:cNvSpPr>
            <a:spLocks/>
          </p:cNvSpPr>
          <p:nvPr userDrawn="1"/>
        </p:nvSpPr>
        <p:spPr>
          <a:xfrm>
            <a:off x="431999" y="3690000"/>
            <a:ext cx="5556001" cy="2412000"/>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2" name="Rectangle 11">
            <a:extLst>
              <a:ext uri="{FF2B5EF4-FFF2-40B4-BE49-F238E27FC236}">
                <a16:creationId xmlns:a16="http://schemas.microsoft.com/office/drawing/2014/main" id="{92487676-D5E5-B166-658D-3614CE9A0E25}"/>
              </a:ext>
            </a:extLst>
          </p:cNvPr>
          <p:cNvSpPr>
            <a:spLocks/>
          </p:cNvSpPr>
          <p:nvPr userDrawn="1"/>
        </p:nvSpPr>
        <p:spPr>
          <a:xfrm>
            <a:off x="6204001" y="3689999"/>
            <a:ext cx="5556001" cy="2412000"/>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Text Placeholder 14">
            <a:extLst>
              <a:ext uri="{FF2B5EF4-FFF2-40B4-BE49-F238E27FC236}">
                <a16:creationId xmlns:a16="http://schemas.microsoft.com/office/drawing/2014/main" id="{0664581F-D8DC-4A74-9B9A-BEEC5A2B6931}"/>
              </a:ext>
            </a:extLst>
          </p:cNvPr>
          <p:cNvSpPr>
            <a:spLocks noGrp="1"/>
          </p:cNvSpPr>
          <p:nvPr>
            <p:ph type="body" sz="quarter" idx="15" hasCustomPrompt="1"/>
          </p:nvPr>
        </p:nvSpPr>
        <p:spPr>
          <a:xfrm>
            <a:off x="1679999" y="4176000"/>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4" name="Text Placeholder 14">
            <a:extLst>
              <a:ext uri="{FF2B5EF4-FFF2-40B4-BE49-F238E27FC236}">
                <a16:creationId xmlns:a16="http://schemas.microsoft.com/office/drawing/2014/main" id="{1DCF2314-5EFA-AFD1-2F88-AEB27BD55DEE}"/>
              </a:ext>
            </a:extLst>
          </p:cNvPr>
          <p:cNvSpPr>
            <a:spLocks noGrp="1"/>
          </p:cNvSpPr>
          <p:nvPr>
            <p:ph type="body" sz="quarter" idx="16" hasCustomPrompt="1"/>
          </p:nvPr>
        </p:nvSpPr>
        <p:spPr>
          <a:xfrm>
            <a:off x="7452001" y="4175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3" name="Footer Placeholder 2">
            <a:extLst>
              <a:ext uri="{FF2B5EF4-FFF2-40B4-BE49-F238E27FC236}">
                <a16:creationId xmlns:a16="http://schemas.microsoft.com/office/drawing/2014/main" id="{37428296-1DFE-77D9-E231-D1540F854F99}"/>
              </a:ext>
            </a:extLst>
          </p:cNvPr>
          <p:cNvSpPr>
            <a:spLocks noGrp="1"/>
          </p:cNvSpPr>
          <p:nvPr>
            <p:ph type="ftr" sz="quarter" idx="17"/>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Slide Number Placeholder 3">
            <a:extLst>
              <a:ext uri="{FF2B5EF4-FFF2-40B4-BE49-F238E27FC236}">
                <a16:creationId xmlns:a16="http://schemas.microsoft.com/office/drawing/2014/main" id="{99D7708F-B654-0EC1-AE20-2E3917FFC937}"/>
              </a:ext>
            </a:extLst>
          </p:cNvPr>
          <p:cNvSpPr>
            <a:spLocks noGrp="1"/>
          </p:cNvSpPr>
          <p:nvPr>
            <p:ph type="sldNum" sz="quarter" idx="18"/>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21" name="Guides" hidden="1">
            <a:extLst>
              <a:ext uri="{FF2B5EF4-FFF2-40B4-BE49-F238E27FC236}">
                <a16:creationId xmlns:a16="http://schemas.microsoft.com/office/drawing/2014/main" id="{4DEECFA5-19CF-9679-74A1-578EBB1F4DC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F6A7138F-93A0-B8D1-A9CD-7E9CF4E0F5D3}"/>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412098830"/>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2188" userDrawn="1">
          <p15:clr>
            <a:srgbClr val="FF96FF"/>
          </p15:clr>
        </p15:guide>
        <p15:guide id="5" orient="horz" pos="2324" userDrawn="1">
          <p15:clr>
            <a:srgbClr val="FF96FF"/>
          </p15:clr>
        </p15:guide>
        <p15:guide id="6" orient="horz" pos="3843" userDrawn="1">
          <p15:clr>
            <a:srgbClr val="FF96FF"/>
          </p15:clr>
        </p15:guide>
        <p15:guide id="7" orient="horz" pos="3976" userDrawn="1">
          <p15:clr>
            <a:srgbClr val="8F8F8F"/>
          </p15:clr>
        </p15:guide>
        <p15:guide id="8" orient="horz" pos="4208" userDrawn="1">
          <p15:clr>
            <a:srgbClr val="8F8F8F"/>
          </p15:clr>
        </p15:guide>
        <p15:guide id="9" pos="272" userDrawn="1">
          <p15:clr>
            <a:srgbClr val="FF96FF"/>
          </p15:clr>
        </p15:guide>
        <p15:guide id="10" pos="3771" userDrawn="1">
          <p15:clr>
            <a:srgbClr val="FF96FF"/>
          </p15:clr>
        </p15:guide>
        <p15:guide id="11" pos="3908" userDrawn="1">
          <p15:clr>
            <a:srgbClr val="FF96FF"/>
          </p15:clr>
        </p15:guide>
        <p15:guide id="12" pos="7407"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3_Two Conten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9E8D761-AFBE-3D7B-6380-195A02047F6A}"/>
              </a:ext>
            </a:extLst>
          </p:cNvPr>
          <p:cNvSpPr>
            <a:spLocks/>
          </p:cNvSpPr>
          <p:nvPr userDrawn="1"/>
        </p:nvSpPr>
        <p:spPr>
          <a:xfrm>
            <a:off x="431999" y="1061999"/>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0" name="Rectangle 9">
            <a:extLst>
              <a:ext uri="{FF2B5EF4-FFF2-40B4-BE49-F238E27FC236}">
                <a16:creationId xmlns:a16="http://schemas.microsoft.com/office/drawing/2014/main" id="{CAD298DD-0C6B-2545-31B4-45FE745EE35B}"/>
              </a:ext>
            </a:extLst>
          </p:cNvPr>
          <p:cNvSpPr>
            <a:spLocks/>
          </p:cNvSpPr>
          <p:nvPr userDrawn="1"/>
        </p:nvSpPr>
        <p:spPr>
          <a:xfrm>
            <a:off x="8128002" y="1061999"/>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Text Placeholder 14">
            <a:extLst>
              <a:ext uri="{FF2B5EF4-FFF2-40B4-BE49-F238E27FC236}">
                <a16:creationId xmlns:a16="http://schemas.microsoft.com/office/drawing/2014/main" id="{CCB2D98D-758B-FBB7-D7B6-CE53FFF2DC62}"/>
              </a:ext>
            </a:extLst>
          </p:cNvPr>
          <p:cNvSpPr>
            <a:spLocks noGrp="1"/>
          </p:cNvSpPr>
          <p:nvPr>
            <p:ph type="body" sz="quarter" idx="13" hasCustomPrompt="1"/>
          </p:nvPr>
        </p:nvSpPr>
        <p:spPr>
          <a:xfrm>
            <a:off x="717999" y="1547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8" name="Text Placeholder 14">
            <a:extLst>
              <a:ext uri="{FF2B5EF4-FFF2-40B4-BE49-F238E27FC236}">
                <a16:creationId xmlns:a16="http://schemas.microsoft.com/office/drawing/2014/main" id="{8C162809-5E1E-E752-AA61-E1A1D622FCF8}"/>
              </a:ext>
            </a:extLst>
          </p:cNvPr>
          <p:cNvSpPr>
            <a:spLocks noGrp="1"/>
          </p:cNvSpPr>
          <p:nvPr>
            <p:ph type="body" sz="quarter" idx="14" hasCustomPrompt="1"/>
          </p:nvPr>
        </p:nvSpPr>
        <p:spPr>
          <a:xfrm>
            <a:off x="8414002" y="1547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1" name="Rectangle 10">
            <a:extLst>
              <a:ext uri="{FF2B5EF4-FFF2-40B4-BE49-F238E27FC236}">
                <a16:creationId xmlns:a16="http://schemas.microsoft.com/office/drawing/2014/main" id="{54815983-7742-6D70-5462-BE03F6197CED}"/>
              </a:ext>
            </a:extLst>
          </p:cNvPr>
          <p:cNvSpPr>
            <a:spLocks/>
          </p:cNvSpPr>
          <p:nvPr userDrawn="1"/>
        </p:nvSpPr>
        <p:spPr>
          <a:xfrm>
            <a:off x="431999" y="3690000"/>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2" name="Rectangle 11">
            <a:extLst>
              <a:ext uri="{FF2B5EF4-FFF2-40B4-BE49-F238E27FC236}">
                <a16:creationId xmlns:a16="http://schemas.microsoft.com/office/drawing/2014/main" id="{92487676-D5E5-B166-658D-3614CE9A0E25}"/>
              </a:ext>
            </a:extLst>
          </p:cNvPr>
          <p:cNvSpPr>
            <a:spLocks/>
          </p:cNvSpPr>
          <p:nvPr userDrawn="1"/>
        </p:nvSpPr>
        <p:spPr>
          <a:xfrm>
            <a:off x="8128002" y="3690000"/>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Text Placeholder 14">
            <a:extLst>
              <a:ext uri="{FF2B5EF4-FFF2-40B4-BE49-F238E27FC236}">
                <a16:creationId xmlns:a16="http://schemas.microsoft.com/office/drawing/2014/main" id="{0664581F-D8DC-4A74-9B9A-BEEC5A2B6931}"/>
              </a:ext>
            </a:extLst>
          </p:cNvPr>
          <p:cNvSpPr>
            <a:spLocks noGrp="1"/>
          </p:cNvSpPr>
          <p:nvPr>
            <p:ph type="body" sz="quarter" idx="15" hasCustomPrompt="1"/>
          </p:nvPr>
        </p:nvSpPr>
        <p:spPr>
          <a:xfrm>
            <a:off x="717999" y="4176000"/>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4" name="Text Placeholder 14">
            <a:extLst>
              <a:ext uri="{FF2B5EF4-FFF2-40B4-BE49-F238E27FC236}">
                <a16:creationId xmlns:a16="http://schemas.microsoft.com/office/drawing/2014/main" id="{1DCF2314-5EFA-AFD1-2F88-AEB27BD55DEE}"/>
              </a:ext>
            </a:extLst>
          </p:cNvPr>
          <p:cNvSpPr>
            <a:spLocks noGrp="1"/>
          </p:cNvSpPr>
          <p:nvPr>
            <p:ph type="body" sz="quarter" idx="16" hasCustomPrompt="1"/>
          </p:nvPr>
        </p:nvSpPr>
        <p:spPr>
          <a:xfrm>
            <a:off x="8414002" y="4176000"/>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6" name="Rectangle 15">
            <a:extLst>
              <a:ext uri="{FF2B5EF4-FFF2-40B4-BE49-F238E27FC236}">
                <a16:creationId xmlns:a16="http://schemas.microsoft.com/office/drawing/2014/main" id="{AC776425-3A4F-6ED6-601F-920DB64A19EE}"/>
              </a:ext>
            </a:extLst>
          </p:cNvPr>
          <p:cNvSpPr>
            <a:spLocks/>
          </p:cNvSpPr>
          <p:nvPr userDrawn="1"/>
        </p:nvSpPr>
        <p:spPr>
          <a:xfrm>
            <a:off x="4280000" y="1061999"/>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7" name="Text Placeholder 14">
            <a:extLst>
              <a:ext uri="{FF2B5EF4-FFF2-40B4-BE49-F238E27FC236}">
                <a16:creationId xmlns:a16="http://schemas.microsoft.com/office/drawing/2014/main" id="{86AFAAE4-4670-453F-511D-F52DC7480C00}"/>
              </a:ext>
            </a:extLst>
          </p:cNvPr>
          <p:cNvSpPr>
            <a:spLocks noGrp="1"/>
          </p:cNvSpPr>
          <p:nvPr>
            <p:ph type="body" sz="quarter" idx="17" hasCustomPrompt="1"/>
          </p:nvPr>
        </p:nvSpPr>
        <p:spPr>
          <a:xfrm>
            <a:off x="4566000" y="1547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spcBef>
                <a:spcPts val="400"/>
              </a:spcBef>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9" name="Rectangle 18">
            <a:extLst>
              <a:ext uri="{FF2B5EF4-FFF2-40B4-BE49-F238E27FC236}">
                <a16:creationId xmlns:a16="http://schemas.microsoft.com/office/drawing/2014/main" id="{E7478CA3-138F-60B9-58C0-C0C136210936}"/>
              </a:ext>
            </a:extLst>
          </p:cNvPr>
          <p:cNvSpPr>
            <a:spLocks/>
          </p:cNvSpPr>
          <p:nvPr userDrawn="1"/>
        </p:nvSpPr>
        <p:spPr>
          <a:xfrm>
            <a:off x="4280000" y="3690000"/>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20" name="Text Placeholder 14">
            <a:extLst>
              <a:ext uri="{FF2B5EF4-FFF2-40B4-BE49-F238E27FC236}">
                <a16:creationId xmlns:a16="http://schemas.microsoft.com/office/drawing/2014/main" id="{D549F1B3-D569-D666-D5A3-7A78A94B1A8E}"/>
              </a:ext>
            </a:extLst>
          </p:cNvPr>
          <p:cNvSpPr>
            <a:spLocks noGrp="1"/>
          </p:cNvSpPr>
          <p:nvPr>
            <p:ph type="body" sz="quarter" idx="18" hasCustomPrompt="1"/>
          </p:nvPr>
        </p:nvSpPr>
        <p:spPr>
          <a:xfrm>
            <a:off x="4566000" y="4176000"/>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3" name="Footer Placeholder 2">
            <a:extLst>
              <a:ext uri="{FF2B5EF4-FFF2-40B4-BE49-F238E27FC236}">
                <a16:creationId xmlns:a16="http://schemas.microsoft.com/office/drawing/2014/main" id="{04625F00-4000-B4BC-5C04-49599FE515A7}"/>
              </a:ext>
            </a:extLst>
          </p:cNvPr>
          <p:cNvSpPr>
            <a:spLocks noGrp="1"/>
          </p:cNvSpPr>
          <p:nvPr>
            <p:ph type="ftr" sz="quarter" idx="19"/>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Slide Number Placeholder 3">
            <a:extLst>
              <a:ext uri="{FF2B5EF4-FFF2-40B4-BE49-F238E27FC236}">
                <a16:creationId xmlns:a16="http://schemas.microsoft.com/office/drawing/2014/main" id="{0067612F-165B-FBAC-1E1D-A55625243249}"/>
              </a:ext>
            </a:extLst>
          </p:cNvPr>
          <p:cNvSpPr>
            <a:spLocks noGrp="1"/>
          </p:cNvSpPr>
          <p:nvPr>
            <p:ph type="sldNum" sz="quarter" idx="20"/>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25" name="Guides" hidden="1">
            <a:extLst>
              <a:ext uri="{FF2B5EF4-FFF2-40B4-BE49-F238E27FC236}">
                <a16:creationId xmlns:a16="http://schemas.microsoft.com/office/drawing/2014/main" id="{5C661D80-44D5-7955-BEE5-D7B5EE5AF57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D80D9C11-B087-6A4B-B10C-5C8AF371DA23}"/>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70467614"/>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2188" userDrawn="1">
          <p15:clr>
            <a:srgbClr val="FF96FF"/>
          </p15:clr>
        </p15:guide>
        <p15:guide id="5" orient="horz" pos="2324" userDrawn="1">
          <p15:clr>
            <a:srgbClr val="FF96FF"/>
          </p15:clr>
        </p15:guide>
        <p15:guide id="6" orient="horz" pos="3843" userDrawn="1">
          <p15:clr>
            <a:srgbClr val="FF96FF"/>
          </p15:clr>
        </p15:guide>
        <p15:guide id="7" orient="horz" pos="3976" userDrawn="1">
          <p15:clr>
            <a:srgbClr val="8F8F8F"/>
          </p15:clr>
        </p15:guide>
        <p15:guide id="8" orient="horz" pos="4208" userDrawn="1">
          <p15:clr>
            <a:srgbClr val="8F8F8F"/>
          </p15:clr>
        </p15:guide>
        <p15:guide id="9" pos="272" userDrawn="1">
          <p15:clr>
            <a:srgbClr val="FF96FF"/>
          </p15:clr>
        </p15:guide>
        <p15:guide id="10" pos="2560" userDrawn="1">
          <p15:clr>
            <a:srgbClr val="FF96FF"/>
          </p15:clr>
        </p15:guide>
        <p15:guide id="11" pos="2696" userDrawn="1">
          <p15:clr>
            <a:srgbClr val="FF96FF"/>
          </p15:clr>
        </p15:guide>
        <p15:guide id="12" pos="4983" userDrawn="1">
          <p15:clr>
            <a:srgbClr val="FF96FF"/>
          </p15:clr>
        </p15:guide>
        <p15:guide id="13" pos="5120" userDrawn="1">
          <p15:clr>
            <a:srgbClr val="FF96FF"/>
          </p15:clr>
        </p15:guide>
        <p15:guide id="14" pos="7407"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E250BDB9-7AD8-9187-3D04-C0919CCC7482}"/>
              </a:ext>
            </a:extLst>
          </p:cNvPr>
          <p:cNvSpPr>
            <a:spLocks noGrp="1"/>
          </p:cNvSpPr>
          <p:nvPr>
            <p:ph sz="half" idx="1" hasCustomPrompt="1"/>
          </p:nvPr>
        </p:nvSpPr>
        <p:spPr>
          <a:xfrm>
            <a:off x="431999" y="1061998"/>
            <a:ext cx="5556001" cy="5040000"/>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Content Placeholder 3">
            <a:extLst>
              <a:ext uri="{FF2B5EF4-FFF2-40B4-BE49-F238E27FC236}">
                <a16:creationId xmlns:a16="http://schemas.microsoft.com/office/drawing/2014/main" id="{9DEE9708-B034-DD3C-2396-1A99397D45EF}"/>
              </a:ext>
            </a:extLst>
          </p:cNvPr>
          <p:cNvSpPr>
            <a:spLocks noGrp="1"/>
          </p:cNvSpPr>
          <p:nvPr>
            <p:ph sz="half" idx="2" hasCustomPrompt="1"/>
          </p:nvPr>
        </p:nvSpPr>
        <p:spPr>
          <a:xfrm>
            <a:off x="6204001" y="1061998"/>
            <a:ext cx="5556001" cy="5040000"/>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 name="Footer Placeholder 1">
            <a:extLst>
              <a:ext uri="{FF2B5EF4-FFF2-40B4-BE49-F238E27FC236}">
                <a16:creationId xmlns:a16="http://schemas.microsoft.com/office/drawing/2014/main" id="{04864889-63D4-7E46-AD99-7F4B5FA8FBDE}"/>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5" name="Slide Number Placeholder 4">
            <a:extLst>
              <a:ext uri="{FF2B5EF4-FFF2-40B4-BE49-F238E27FC236}">
                <a16:creationId xmlns:a16="http://schemas.microsoft.com/office/drawing/2014/main" id="{FE67DF2C-DA2F-0B28-44CB-19BDF2CB6DFB}"/>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5" name="Guides" hidden="1">
            <a:extLst>
              <a:ext uri="{FF2B5EF4-FFF2-40B4-BE49-F238E27FC236}">
                <a16:creationId xmlns:a16="http://schemas.microsoft.com/office/drawing/2014/main" id="{3D6FD939-A12E-0B38-2A20-7060BB884BA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itle 5">
            <a:extLst>
              <a:ext uri="{FF2B5EF4-FFF2-40B4-BE49-F238E27FC236}">
                <a16:creationId xmlns:a16="http://schemas.microsoft.com/office/drawing/2014/main" id="{F3F753A7-94CC-9536-2090-9676570710F0}"/>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3899729576"/>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3771" userDrawn="1">
          <p15:clr>
            <a:srgbClr val="FF96FF"/>
          </p15:clr>
        </p15:guide>
        <p15:guide id="9" pos="3908" userDrawn="1">
          <p15:clr>
            <a:srgbClr val="FF96FF"/>
          </p15:clr>
        </p15:guide>
        <p15:guide id="10" pos="7407"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37E2F7-5D6C-1317-F473-A9417C37A203}"/>
              </a:ext>
            </a:extLst>
          </p:cNvPr>
          <p:cNvSpPr>
            <a:spLocks noGrp="1"/>
          </p:cNvSpPr>
          <p:nvPr>
            <p:ph type="title" hasCustomPrompt="1"/>
          </p:nvPr>
        </p:nvSpPr>
        <p:spPr/>
        <p:txBody>
          <a:bodyPr/>
          <a:lstStyle/>
          <a:p>
            <a:r>
              <a:rPr lang="en-US" dirty="0"/>
              <a:t>Click to add title</a:t>
            </a:r>
            <a:endParaRPr lang="en-GB" dirty="0"/>
          </a:p>
        </p:txBody>
      </p:sp>
      <p:sp>
        <p:nvSpPr>
          <p:cNvPr id="3" name="Footer Placeholder 2">
            <a:extLst>
              <a:ext uri="{FF2B5EF4-FFF2-40B4-BE49-F238E27FC236}">
                <a16:creationId xmlns:a16="http://schemas.microsoft.com/office/drawing/2014/main" id="{9F00FFD5-448E-5597-8BC5-6C29801CB1A2}"/>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Slide Number Placeholder 3">
            <a:extLst>
              <a:ext uri="{FF2B5EF4-FFF2-40B4-BE49-F238E27FC236}">
                <a16:creationId xmlns:a16="http://schemas.microsoft.com/office/drawing/2014/main" id="{55FF39CC-9A0B-943A-DF35-27926E160E10}"/>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3" name="Guides" hidden="1">
            <a:extLst>
              <a:ext uri="{FF2B5EF4-FFF2-40B4-BE49-F238E27FC236}">
                <a16:creationId xmlns:a16="http://schemas.microsoft.com/office/drawing/2014/main" id="{152B46D3-329F-6369-E470-903A3ECD23B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255769230"/>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1348" userDrawn="1">
          <p15:clr>
            <a:srgbClr val="FF96FF"/>
          </p15:clr>
        </p15:guide>
        <p15:guide id="9" pos="1484" userDrawn="1">
          <p15:clr>
            <a:srgbClr val="FF96FF"/>
          </p15:clr>
        </p15:guide>
        <p15:guide id="10" pos="2560" userDrawn="1">
          <p15:clr>
            <a:srgbClr val="FF96FF"/>
          </p15:clr>
        </p15:guide>
        <p15:guide id="11" pos="2696" userDrawn="1">
          <p15:clr>
            <a:srgbClr val="FF96FF"/>
          </p15:clr>
        </p15:guide>
        <p15:guide id="12" pos="3771" userDrawn="1">
          <p15:clr>
            <a:srgbClr val="FF96FF"/>
          </p15:clr>
        </p15:guide>
        <p15:guide id="13" pos="3908" userDrawn="1">
          <p15:clr>
            <a:srgbClr val="FF96FF"/>
          </p15:clr>
        </p15:guide>
        <p15:guide id="14" pos="4983" userDrawn="1">
          <p15:clr>
            <a:srgbClr val="FF96FF"/>
          </p15:clr>
        </p15:guide>
        <p15:guide id="15" pos="5120" userDrawn="1">
          <p15:clr>
            <a:srgbClr val="FF96FF"/>
          </p15:clr>
        </p15:guide>
        <p15:guide id="16" pos="6195" userDrawn="1">
          <p15:clr>
            <a:srgbClr val="FF96FF"/>
          </p15:clr>
        </p15:guide>
        <p15:guide id="17" pos="6331" userDrawn="1">
          <p15:clr>
            <a:srgbClr val="FF96FF"/>
          </p15:clr>
        </p15:guide>
        <p15:guide id="18" pos="7407"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A73ED08-F849-7AE1-A5B4-540CBB257655}"/>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3" name="Slide Number Placeholder 2">
            <a:extLst>
              <a:ext uri="{FF2B5EF4-FFF2-40B4-BE49-F238E27FC236}">
                <a16:creationId xmlns:a16="http://schemas.microsoft.com/office/drawing/2014/main" id="{FF8D3FDE-D3BD-6529-F2B3-0D5FAEB6A656}"/>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2" name="Guides" hidden="1">
            <a:extLst>
              <a:ext uri="{FF2B5EF4-FFF2-40B4-BE49-F238E27FC236}">
                <a16:creationId xmlns:a16="http://schemas.microsoft.com/office/drawing/2014/main" id="{80297337-5888-9F62-CE3E-DA1C01B67629}"/>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14717455"/>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1348" userDrawn="1">
          <p15:clr>
            <a:srgbClr val="FF96FF"/>
          </p15:clr>
        </p15:guide>
        <p15:guide id="9" pos="1484" userDrawn="1">
          <p15:clr>
            <a:srgbClr val="FF96FF"/>
          </p15:clr>
        </p15:guide>
        <p15:guide id="10" pos="2560" userDrawn="1">
          <p15:clr>
            <a:srgbClr val="FF96FF"/>
          </p15:clr>
        </p15:guide>
        <p15:guide id="11" pos="2696" userDrawn="1">
          <p15:clr>
            <a:srgbClr val="FF96FF"/>
          </p15:clr>
        </p15:guide>
        <p15:guide id="12" pos="3771" userDrawn="1">
          <p15:clr>
            <a:srgbClr val="FF96FF"/>
          </p15:clr>
        </p15:guide>
        <p15:guide id="13" pos="3908" userDrawn="1">
          <p15:clr>
            <a:srgbClr val="FF96FF"/>
          </p15:clr>
        </p15:guide>
        <p15:guide id="14" pos="4983" userDrawn="1">
          <p15:clr>
            <a:srgbClr val="FF96FF"/>
          </p15:clr>
        </p15:guide>
        <p15:guide id="15" pos="5120" userDrawn="1">
          <p15:clr>
            <a:srgbClr val="FF96FF"/>
          </p15:clr>
        </p15:guide>
        <p15:guide id="16" pos="6195" userDrawn="1">
          <p15:clr>
            <a:srgbClr val="FF96FF"/>
          </p15:clr>
        </p15:guide>
        <p15:guide id="17" pos="6331" userDrawn="1">
          <p15:clr>
            <a:srgbClr val="FF96FF"/>
          </p15:clr>
        </p15:guide>
        <p15:guide id="18" pos="7407"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End Slide_Purple">
    <p:bg>
      <p:bgPr>
        <a:solidFill>
          <a:schemeClr val="bg2"/>
        </a:solidFill>
        <a:effectLst/>
      </p:bgPr>
    </p:bg>
    <p:spTree>
      <p:nvGrpSpPr>
        <p:cNvPr id="1" name=""/>
        <p:cNvGrpSpPr/>
        <p:nvPr/>
      </p:nvGrpSpPr>
      <p:grpSpPr>
        <a:xfrm>
          <a:off x="0" y="0"/>
          <a:ext cx="0" cy="0"/>
          <a:chOff x="0" y="0"/>
          <a:chExt cx="0" cy="0"/>
        </a:xfrm>
      </p:grpSpPr>
      <p:pic>
        <p:nvPicPr>
          <p:cNvPr id="14" name="Graphic 13">
            <a:extLst>
              <a:ext uri="{FF2B5EF4-FFF2-40B4-BE49-F238E27FC236}">
                <a16:creationId xmlns:a16="http://schemas.microsoft.com/office/drawing/2014/main" id="{8E789F1E-0243-2609-6826-890AE7AE354E}"/>
              </a:ext>
            </a:extLst>
          </p:cNvPr>
          <p:cNvPicPr>
            <a:picLocks noGrp="1" noRot="1" noChangeAspect="1" noMove="1" noResize="1" noEditPoints="1" noAdjustHandles="1" noChangeArrowheads="1" noChangeShapeType="1" noCrop="1"/>
          </p:cNvPicPr>
          <p:nvPr userDrawn="1"/>
        </p:nvPicPr>
        <p:blipFill rotWithShape="1">
          <a:blip r:embed="rId3">
            <a:extLst>
              <a:ext uri="{96DAC541-7B7A-43D3-8B79-37D633B846F1}">
                <asvg:svgBlip xmlns:asvg="http://schemas.microsoft.com/office/drawing/2016/SVG/main" r:embed="rId4"/>
              </a:ext>
            </a:extLst>
          </a:blip>
          <a:srcRect r="20548"/>
          <a:stretch/>
        </p:blipFill>
        <p:spPr>
          <a:xfrm>
            <a:off x="6198290" y="0"/>
            <a:ext cx="5993710" cy="6858000"/>
          </a:xfrm>
          <a:prstGeom prst="rect">
            <a:avLst/>
          </a:prstGeom>
        </p:spPr>
      </p:pic>
      <p:pic>
        <p:nvPicPr>
          <p:cNvPr id="19" name="Graphic 18">
            <a:extLst>
              <a:ext uri="{FF2B5EF4-FFF2-40B4-BE49-F238E27FC236}">
                <a16:creationId xmlns:a16="http://schemas.microsoft.com/office/drawing/2014/main" id="{E5E61969-FFE4-2781-A705-79CE31ED10A8}"/>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689250" y="1081860"/>
            <a:ext cx="3420000" cy="433879"/>
          </a:xfrm>
          <a:prstGeom prst="rect">
            <a:avLst/>
          </a:prstGeom>
        </p:spPr>
      </p:pic>
      <p:sp>
        <p:nvSpPr>
          <p:cNvPr id="24" name="Guides" hidden="1">
            <a:extLst>
              <a:ext uri="{FF2B5EF4-FFF2-40B4-BE49-F238E27FC236}">
                <a16:creationId xmlns:a16="http://schemas.microsoft.com/office/drawing/2014/main" id="{704F71CC-805D-DCDA-009E-E5DB4B54F3E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5" name="Footer Placeholder 4">
            <a:extLst>
              <a:ext uri="{FF2B5EF4-FFF2-40B4-BE49-F238E27FC236}">
                <a16:creationId xmlns:a16="http://schemas.microsoft.com/office/drawing/2014/main" id="{2B2271EE-6C83-31D0-D05F-E5B49291E6B7}"/>
              </a:ext>
            </a:extLst>
          </p:cNvPr>
          <p:cNvSpPr>
            <a:spLocks noGrp="1"/>
          </p:cNvSpPr>
          <p:nvPr>
            <p:ph type="ftr" sz="quarter" idx="11"/>
          </p:nvPr>
        </p:nvSpPr>
        <p:spPr>
          <a:xfrm>
            <a:off x="689250" y="5694475"/>
            <a:ext cx="2225400" cy="365125"/>
          </a:xfrm>
        </p:spPr>
        <p:txBody>
          <a:bodyPr/>
          <a:lstStyle>
            <a:lvl1pPr>
              <a:defRPr>
                <a:solidFill>
                  <a:srgbClr val="EBE4F3"/>
                </a:solidFill>
              </a:defRPr>
            </a:lvl1p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Freeform: Shape 3">
            <a:extLst>
              <a:ext uri="{FF2B5EF4-FFF2-40B4-BE49-F238E27FC236}">
                <a16:creationId xmlns:a16="http://schemas.microsoft.com/office/drawing/2014/main" id="{97810D29-32B2-9D77-F2C3-2FEEB32C71C6}"/>
              </a:ext>
            </a:extLst>
          </p:cNvPr>
          <p:cNvSpPr/>
          <p:nvPr userDrawn="1"/>
        </p:nvSpPr>
        <p:spPr>
          <a:xfrm>
            <a:off x="10791127" y="5732152"/>
            <a:ext cx="154126" cy="286234"/>
          </a:xfrm>
          <a:custGeom>
            <a:avLst/>
            <a:gdLst>
              <a:gd name="connsiteX0" fmla="*/ 154126 w 154126"/>
              <a:gd name="connsiteY0" fmla="*/ 50539 h 286234"/>
              <a:gd name="connsiteX1" fmla="*/ 154126 w 154126"/>
              <a:gd name="connsiteY1" fmla="*/ 0 h 286234"/>
              <a:gd name="connsiteX2" fmla="*/ 109440 w 154126"/>
              <a:gd name="connsiteY2" fmla="*/ 0 h 286234"/>
              <a:gd name="connsiteX3" fmla="*/ 45337 w 154126"/>
              <a:gd name="connsiteY3" fmla="*/ 64103 h 286234"/>
              <a:gd name="connsiteX4" fmla="*/ 45337 w 154126"/>
              <a:gd name="connsiteY4" fmla="*/ 110276 h 286234"/>
              <a:gd name="connsiteX5" fmla="*/ 0 w 154126"/>
              <a:gd name="connsiteY5" fmla="*/ 110276 h 286234"/>
              <a:gd name="connsiteX6" fmla="*/ 0 w 154126"/>
              <a:gd name="connsiteY6" fmla="*/ 163045 h 286234"/>
              <a:gd name="connsiteX7" fmla="*/ 45337 w 154126"/>
              <a:gd name="connsiteY7" fmla="*/ 163045 h 286234"/>
              <a:gd name="connsiteX8" fmla="*/ 45337 w 154126"/>
              <a:gd name="connsiteY8" fmla="*/ 286235 h 286234"/>
              <a:gd name="connsiteX9" fmla="*/ 100707 w 154126"/>
              <a:gd name="connsiteY9" fmla="*/ 286235 h 286234"/>
              <a:gd name="connsiteX10" fmla="*/ 100707 w 154126"/>
              <a:gd name="connsiteY10" fmla="*/ 162209 h 286234"/>
              <a:gd name="connsiteX11" fmla="*/ 142142 w 154126"/>
              <a:gd name="connsiteY11" fmla="*/ 162209 h 286234"/>
              <a:gd name="connsiteX12" fmla="*/ 150039 w 154126"/>
              <a:gd name="connsiteY12" fmla="*/ 109905 h 286234"/>
              <a:gd name="connsiteX13" fmla="*/ 100614 w 154126"/>
              <a:gd name="connsiteY13" fmla="*/ 109905 h 286234"/>
              <a:gd name="connsiteX14" fmla="*/ 100614 w 154126"/>
              <a:gd name="connsiteY14" fmla="*/ 72650 h 286234"/>
              <a:gd name="connsiteX15" fmla="*/ 122725 w 154126"/>
              <a:gd name="connsiteY15" fmla="*/ 50539 h 286234"/>
              <a:gd name="connsiteX16" fmla="*/ 153941 w 154126"/>
              <a:gd name="connsiteY16" fmla="*/ 50539 h 2862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54126" h="286234">
                <a:moveTo>
                  <a:pt x="154126" y="50539"/>
                </a:moveTo>
                <a:lnTo>
                  <a:pt x="154126" y="0"/>
                </a:lnTo>
                <a:lnTo>
                  <a:pt x="109440" y="0"/>
                </a:lnTo>
                <a:cubicBezTo>
                  <a:pt x="74044" y="0"/>
                  <a:pt x="45337" y="28707"/>
                  <a:pt x="45337" y="64103"/>
                </a:cubicBezTo>
                <a:lnTo>
                  <a:pt x="45337" y="110276"/>
                </a:lnTo>
                <a:lnTo>
                  <a:pt x="0" y="110276"/>
                </a:lnTo>
                <a:lnTo>
                  <a:pt x="0" y="163045"/>
                </a:lnTo>
                <a:lnTo>
                  <a:pt x="45337" y="163045"/>
                </a:lnTo>
                <a:lnTo>
                  <a:pt x="45337" y="286235"/>
                </a:lnTo>
                <a:lnTo>
                  <a:pt x="100707" y="286235"/>
                </a:lnTo>
                <a:lnTo>
                  <a:pt x="100707" y="162209"/>
                </a:lnTo>
                <a:lnTo>
                  <a:pt x="142142" y="162209"/>
                </a:lnTo>
                <a:lnTo>
                  <a:pt x="150039" y="109905"/>
                </a:lnTo>
                <a:lnTo>
                  <a:pt x="100614" y="109905"/>
                </a:lnTo>
                <a:lnTo>
                  <a:pt x="100614" y="72650"/>
                </a:lnTo>
                <a:cubicBezTo>
                  <a:pt x="100614" y="60480"/>
                  <a:pt x="110555" y="50539"/>
                  <a:pt x="122725" y="50539"/>
                </a:cubicBezTo>
                <a:lnTo>
                  <a:pt x="153941" y="50539"/>
                </a:lnTo>
                <a:close/>
              </a:path>
            </a:pathLst>
          </a:custGeom>
          <a:solidFill>
            <a:srgbClr val="FFFFFF"/>
          </a:solidFill>
          <a:ln w="9286" cap="flat">
            <a:noFill/>
            <a:prstDash val="solid"/>
            <a:miter/>
          </a:ln>
        </p:spPr>
        <p:txBody>
          <a:bodyPr rtlCol="0" anchor="ctr"/>
          <a:lstStyle/>
          <a:p>
            <a:endParaRPr lang="en-GB"/>
          </a:p>
        </p:txBody>
      </p:sp>
      <p:grpSp>
        <p:nvGrpSpPr>
          <p:cNvPr id="5" name="Graphic 7">
            <a:extLst>
              <a:ext uri="{FF2B5EF4-FFF2-40B4-BE49-F238E27FC236}">
                <a16:creationId xmlns:a16="http://schemas.microsoft.com/office/drawing/2014/main" id="{619CAB71-05AE-B585-CFEB-E08DC4D9B911}"/>
              </a:ext>
            </a:extLst>
          </p:cNvPr>
          <p:cNvGrpSpPr/>
          <p:nvPr userDrawn="1"/>
        </p:nvGrpSpPr>
        <p:grpSpPr>
          <a:xfrm>
            <a:off x="10204998" y="5742513"/>
            <a:ext cx="270255" cy="270905"/>
            <a:chOff x="10224422" y="5738425"/>
            <a:chExt cx="270255" cy="270905"/>
          </a:xfrm>
          <a:solidFill>
            <a:srgbClr val="FFFFFF"/>
          </a:solidFill>
        </p:grpSpPr>
        <p:sp>
          <p:nvSpPr>
            <p:cNvPr id="6" name="Freeform: Shape 5">
              <a:extLst>
                <a:ext uri="{FF2B5EF4-FFF2-40B4-BE49-F238E27FC236}">
                  <a16:creationId xmlns:a16="http://schemas.microsoft.com/office/drawing/2014/main" id="{D4CFD641-AEAD-1496-2F39-1231ACF493D1}"/>
                </a:ext>
              </a:extLst>
            </p:cNvPr>
            <p:cNvSpPr/>
            <p:nvPr/>
          </p:nvSpPr>
          <p:spPr>
            <a:xfrm>
              <a:off x="10228882" y="5830771"/>
              <a:ext cx="54069" cy="178467"/>
            </a:xfrm>
            <a:custGeom>
              <a:avLst/>
              <a:gdLst>
                <a:gd name="connsiteX0" fmla="*/ 0 w 54069"/>
                <a:gd name="connsiteY0" fmla="*/ 0 h 178467"/>
                <a:gd name="connsiteX1" fmla="*/ 54070 w 54069"/>
                <a:gd name="connsiteY1" fmla="*/ 0 h 178467"/>
                <a:gd name="connsiteX2" fmla="*/ 54070 w 54069"/>
                <a:gd name="connsiteY2" fmla="*/ 178467 h 178467"/>
                <a:gd name="connsiteX3" fmla="*/ 0 w 54069"/>
                <a:gd name="connsiteY3" fmla="*/ 178467 h 178467"/>
                <a:gd name="connsiteX4" fmla="*/ 0 w 54069"/>
                <a:gd name="connsiteY4" fmla="*/ 0 h 17846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069" h="178467">
                  <a:moveTo>
                    <a:pt x="0" y="0"/>
                  </a:moveTo>
                  <a:lnTo>
                    <a:pt x="54070" y="0"/>
                  </a:lnTo>
                  <a:lnTo>
                    <a:pt x="54070" y="178467"/>
                  </a:lnTo>
                  <a:lnTo>
                    <a:pt x="0" y="178467"/>
                  </a:lnTo>
                  <a:lnTo>
                    <a:pt x="0" y="0"/>
                  </a:lnTo>
                  <a:close/>
                </a:path>
              </a:pathLst>
            </a:custGeom>
            <a:solidFill>
              <a:srgbClr val="FFFFFF"/>
            </a:solidFill>
            <a:ln w="9286" cap="flat">
              <a:noFill/>
              <a:prstDash val="solid"/>
              <a:miter/>
            </a:ln>
          </p:spPr>
          <p:txBody>
            <a:bodyPr rtlCol="0" anchor="ctr"/>
            <a:lstStyle/>
            <a:p>
              <a:endParaRPr lang="en-GB"/>
            </a:p>
          </p:txBody>
        </p:sp>
        <p:sp>
          <p:nvSpPr>
            <p:cNvPr id="7" name="Freeform: Shape 6">
              <a:extLst>
                <a:ext uri="{FF2B5EF4-FFF2-40B4-BE49-F238E27FC236}">
                  <a16:creationId xmlns:a16="http://schemas.microsoft.com/office/drawing/2014/main" id="{0F909D63-037A-24E0-135C-350E8F91E84B}"/>
                </a:ext>
              </a:extLst>
            </p:cNvPr>
            <p:cNvSpPr/>
            <p:nvPr/>
          </p:nvSpPr>
          <p:spPr>
            <a:xfrm>
              <a:off x="10318348" y="5822781"/>
              <a:ext cx="176330" cy="186549"/>
            </a:xfrm>
            <a:custGeom>
              <a:avLst/>
              <a:gdLst>
                <a:gd name="connsiteX0" fmla="*/ 464 w 176330"/>
                <a:gd name="connsiteY0" fmla="*/ 63360 h 186549"/>
                <a:gd name="connsiteX1" fmla="*/ 0 w 176330"/>
                <a:gd name="connsiteY1" fmla="*/ 5295 h 186549"/>
                <a:gd name="connsiteX2" fmla="*/ 52397 w 176330"/>
                <a:gd name="connsiteY2" fmla="*/ 5295 h 186549"/>
                <a:gd name="connsiteX3" fmla="*/ 54441 w 176330"/>
                <a:gd name="connsiteY3" fmla="*/ 31401 h 186549"/>
                <a:gd name="connsiteX4" fmla="*/ 118916 w 176330"/>
                <a:gd name="connsiteY4" fmla="*/ 0 h 186549"/>
                <a:gd name="connsiteX5" fmla="*/ 176330 w 176330"/>
                <a:gd name="connsiteY5" fmla="*/ 87515 h 186549"/>
                <a:gd name="connsiteX6" fmla="*/ 176330 w 176330"/>
                <a:gd name="connsiteY6" fmla="*/ 186550 h 186549"/>
                <a:gd name="connsiteX7" fmla="*/ 122261 w 176330"/>
                <a:gd name="connsiteY7" fmla="*/ 186550 h 186549"/>
                <a:gd name="connsiteX8" fmla="*/ 122261 w 176330"/>
                <a:gd name="connsiteY8" fmla="*/ 93739 h 186549"/>
                <a:gd name="connsiteX9" fmla="*/ 93739 w 176330"/>
                <a:gd name="connsiteY9" fmla="*/ 47288 h 186549"/>
                <a:gd name="connsiteX10" fmla="*/ 54441 w 176330"/>
                <a:gd name="connsiteY10" fmla="*/ 107117 h 186549"/>
                <a:gd name="connsiteX11" fmla="*/ 54441 w 176330"/>
                <a:gd name="connsiteY11" fmla="*/ 186550 h 186549"/>
                <a:gd name="connsiteX12" fmla="*/ 372 w 176330"/>
                <a:gd name="connsiteY12" fmla="*/ 186550 h 186549"/>
                <a:gd name="connsiteX13" fmla="*/ 372 w 176330"/>
                <a:gd name="connsiteY13" fmla="*/ 63360 h 186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6330" h="186549">
                  <a:moveTo>
                    <a:pt x="464" y="63360"/>
                  </a:moveTo>
                  <a:cubicBezTo>
                    <a:pt x="464" y="44594"/>
                    <a:pt x="464" y="21832"/>
                    <a:pt x="0" y="5295"/>
                  </a:cubicBezTo>
                  <a:lnTo>
                    <a:pt x="52397" y="5295"/>
                  </a:lnTo>
                  <a:cubicBezTo>
                    <a:pt x="53605" y="11241"/>
                    <a:pt x="54255" y="24526"/>
                    <a:pt x="54441" y="31401"/>
                  </a:cubicBezTo>
                  <a:cubicBezTo>
                    <a:pt x="62338" y="16072"/>
                    <a:pt x="79246" y="0"/>
                    <a:pt x="118916" y="0"/>
                  </a:cubicBezTo>
                  <a:cubicBezTo>
                    <a:pt x="162209" y="0"/>
                    <a:pt x="176330" y="31308"/>
                    <a:pt x="176330" y="87515"/>
                  </a:cubicBezTo>
                  <a:lnTo>
                    <a:pt x="176330" y="186550"/>
                  </a:lnTo>
                  <a:lnTo>
                    <a:pt x="122261" y="186550"/>
                  </a:lnTo>
                  <a:lnTo>
                    <a:pt x="122261" y="93739"/>
                  </a:lnTo>
                  <a:cubicBezTo>
                    <a:pt x="122261" y="66519"/>
                    <a:pt x="111391" y="47288"/>
                    <a:pt x="93739" y="47288"/>
                  </a:cubicBezTo>
                  <a:cubicBezTo>
                    <a:pt x="63267" y="47288"/>
                    <a:pt x="54441" y="66705"/>
                    <a:pt x="54441" y="107117"/>
                  </a:cubicBezTo>
                  <a:lnTo>
                    <a:pt x="54441" y="186550"/>
                  </a:lnTo>
                  <a:lnTo>
                    <a:pt x="372" y="186550"/>
                  </a:lnTo>
                  <a:lnTo>
                    <a:pt x="372" y="63360"/>
                  </a:lnTo>
                  <a:close/>
                </a:path>
              </a:pathLst>
            </a:custGeom>
            <a:solidFill>
              <a:srgbClr val="FFFFFF"/>
            </a:solidFill>
            <a:ln w="9286" cap="flat">
              <a:noFill/>
              <a:prstDash val="solid"/>
              <a:miter/>
            </a:ln>
          </p:spPr>
          <p:txBody>
            <a:bodyPr rtlCol="0" anchor="ctr"/>
            <a:lstStyle/>
            <a:p>
              <a:endParaRPr lang="en-GB"/>
            </a:p>
          </p:txBody>
        </p:sp>
        <p:sp>
          <p:nvSpPr>
            <p:cNvPr id="8" name="Freeform: Shape 7">
              <a:extLst>
                <a:ext uri="{FF2B5EF4-FFF2-40B4-BE49-F238E27FC236}">
                  <a16:creationId xmlns:a16="http://schemas.microsoft.com/office/drawing/2014/main" id="{2319A8E1-C58A-ADC2-D0B3-DA2D1755F4A2}"/>
                </a:ext>
              </a:extLst>
            </p:cNvPr>
            <p:cNvSpPr/>
            <p:nvPr/>
          </p:nvSpPr>
          <p:spPr>
            <a:xfrm>
              <a:off x="10224422" y="5738425"/>
              <a:ext cx="62988" cy="62988"/>
            </a:xfrm>
            <a:custGeom>
              <a:avLst/>
              <a:gdLst>
                <a:gd name="connsiteX0" fmla="*/ 62988 w 62988"/>
                <a:gd name="connsiteY0" fmla="*/ 31494 h 62988"/>
                <a:gd name="connsiteX1" fmla="*/ 31494 w 62988"/>
                <a:gd name="connsiteY1" fmla="*/ 62988 h 62988"/>
                <a:gd name="connsiteX2" fmla="*/ 0 w 62988"/>
                <a:gd name="connsiteY2" fmla="*/ 31494 h 62988"/>
                <a:gd name="connsiteX3" fmla="*/ 31494 w 62988"/>
                <a:gd name="connsiteY3" fmla="*/ 0 h 62988"/>
                <a:gd name="connsiteX4" fmla="*/ 62988 w 62988"/>
                <a:gd name="connsiteY4" fmla="*/ 31494 h 6298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988" h="62988">
                  <a:moveTo>
                    <a:pt x="62988" y="31494"/>
                  </a:moveTo>
                  <a:cubicBezTo>
                    <a:pt x="62988" y="48888"/>
                    <a:pt x="48888" y="62988"/>
                    <a:pt x="31494" y="62988"/>
                  </a:cubicBezTo>
                  <a:cubicBezTo>
                    <a:pt x="14100" y="62988"/>
                    <a:pt x="0" y="48888"/>
                    <a:pt x="0" y="31494"/>
                  </a:cubicBezTo>
                  <a:cubicBezTo>
                    <a:pt x="0" y="14100"/>
                    <a:pt x="14100" y="0"/>
                    <a:pt x="31494" y="0"/>
                  </a:cubicBezTo>
                  <a:cubicBezTo>
                    <a:pt x="48888" y="0"/>
                    <a:pt x="62988" y="14100"/>
                    <a:pt x="62988" y="31494"/>
                  </a:cubicBezTo>
                  <a:close/>
                </a:path>
              </a:pathLst>
            </a:custGeom>
            <a:solidFill>
              <a:srgbClr val="FFFFFF"/>
            </a:solidFill>
            <a:ln w="9286" cap="flat">
              <a:noFill/>
              <a:prstDash val="solid"/>
              <a:miter/>
            </a:ln>
          </p:spPr>
          <p:txBody>
            <a:bodyPr rtlCol="0" anchor="ctr"/>
            <a:lstStyle/>
            <a:p>
              <a:endParaRPr lang="en-GB"/>
            </a:p>
          </p:txBody>
        </p:sp>
      </p:grpSp>
      <p:sp>
        <p:nvSpPr>
          <p:cNvPr id="9" name="Freeform: Shape 8">
            <a:extLst>
              <a:ext uri="{FF2B5EF4-FFF2-40B4-BE49-F238E27FC236}">
                <a16:creationId xmlns:a16="http://schemas.microsoft.com/office/drawing/2014/main" id="{32243648-1407-15B1-C4EB-BC996F2DD871}"/>
              </a:ext>
            </a:extLst>
          </p:cNvPr>
          <p:cNvSpPr/>
          <p:nvPr userDrawn="1"/>
        </p:nvSpPr>
        <p:spPr>
          <a:xfrm>
            <a:off x="11251091" y="5770474"/>
            <a:ext cx="288371" cy="206616"/>
          </a:xfrm>
          <a:custGeom>
            <a:avLst/>
            <a:gdLst>
              <a:gd name="connsiteX0" fmla="*/ 223804 w 288371"/>
              <a:gd name="connsiteY0" fmla="*/ 0 h 206616"/>
              <a:gd name="connsiteX1" fmla="*/ 64568 w 288371"/>
              <a:gd name="connsiteY1" fmla="*/ 0 h 206616"/>
              <a:gd name="connsiteX2" fmla="*/ 0 w 288371"/>
              <a:gd name="connsiteY2" fmla="*/ 64568 h 206616"/>
              <a:gd name="connsiteX3" fmla="*/ 0 w 288371"/>
              <a:gd name="connsiteY3" fmla="*/ 142049 h 206616"/>
              <a:gd name="connsiteX4" fmla="*/ 64568 w 288371"/>
              <a:gd name="connsiteY4" fmla="*/ 206617 h 206616"/>
              <a:gd name="connsiteX5" fmla="*/ 223804 w 288371"/>
              <a:gd name="connsiteY5" fmla="*/ 206617 h 206616"/>
              <a:gd name="connsiteX6" fmla="*/ 288372 w 288371"/>
              <a:gd name="connsiteY6" fmla="*/ 142049 h 206616"/>
              <a:gd name="connsiteX7" fmla="*/ 288372 w 288371"/>
              <a:gd name="connsiteY7" fmla="*/ 64568 h 206616"/>
              <a:gd name="connsiteX8" fmla="*/ 223804 w 288371"/>
              <a:gd name="connsiteY8" fmla="*/ 0 h 206616"/>
              <a:gd name="connsiteX9" fmla="*/ 153012 w 288371"/>
              <a:gd name="connsiteY9" fmla="*/ 126999 h 206616"/>
              <a:gd name="connsiteX10" fmla="*/ 113899 w 288371"/>
              <a:gd name="connsiteY10" fmla="*/ 150689 h 206616"/>
              <a:gd name="connsiteX11" fmla="*/ 113899 w 288371"/>
              <a:gd name="connsiteY11" fmla="*/ 56021 h 206616"/>
              <a:gd name="connsiteX12" fmla="*/ 153012 w 288371"/>
              <a:gd name="connsiteY12" fmla="*/ 79711 h 206616"/>
              <a:gd name="connsiteX13" fmla="*/ 192124 w 288371"/>
              <a:gd name="connsiteY13" fmla="*/ 103401 h 206616"/>
              <a:gd name="connsiteX14" fmla="*/ 153012 w 288371"/>
              <a:gd name="connsiteY14" fmla="*/ 127092 h 2066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88371" h="206616">
                <a:moveTo>
                  <a:pt x="223804" y="0"/>
                </a:moveTo>
                <a:lnTo>
                  <a:pt x="64568" y="0"/>
                </a:lnTo>
                <a:cubicBezTo>
                  <a:pt x="28893" y="0"/>
                  <a:pt x="0" y="28893"/>
                  <a:pt x="0" y="64568"/>
                </a:cubicBezTo>
                <a:lnTo>
                  <a:pt x="0" y="142049"/>
                </a:lnTo>
                <a:cubicBezTo>
                  <a:pt x="0" y="177724"/>
                  <a:pt x="28893" y="206617"/>
                  <a:pt x="64568" y="206617"/>
                </a:cubicBezTo>
                <a:lnTo>
                  <a:pt x="223804" y="206617"/>
                </a:lnTo>
                <a:cubicBezTo>
                  <a:pt x="259479" y="206617"/>
                  <a:pt x="288372" y="177724"/>
                  <a:pt x="288372" y="142049"/>
                </a:cubicBezTo>
                <a:lnTo>
                  <a:pt x="288372" y="64568"/>
                </a:lnTo>
                <a:cubicBezTo>
                  <a:pt x="288372" y="28893"/>
                  <a:pt x="259479" y="0"/>
                  <a:pt x="223804" y="0"/>
                </a:cubicBezTo>
                <a:close/>
                <a:moveTo>
                  <a:pt x="153012" y="126999"/>
                </a:moveTo>
                <a:lnTo>
                  <a:pt x="113899" y="150689"/>
                </a:lnTo>
                <a:lnTo>
                  <a:pt x="113899" y="56021"/>
                </a:lnTo>
                <a:lnTo>
                  <a:pt x="153012" y="79711"/>
                </a:lnTo>
                <a:lnTo>
                  <a:pt x="192124" y="103401"/>
                </a:lnTo>
                <a:lnTo>
                  <a:pt x="153012" y="127092"/>
                </a:lnTo>
                <a:close/>
              </a:path>
            </a:pathLst>
          </a:custGeom>
          <a:solidFill>
            <a:srgbClr val="FFFFFF"/>
          </a:solidFill>
          <a:ln w="9286" cap="flat">
            <a:noFill/>
            <a:prstDash val="solid"/>
            <a:miter/>
          </a:ln>
        </p:spPr>
        <p:txBody>
          <a:bodyPr rtlCol="0" anchor="ctr"/>
          <a:lstStyle/>
          <a:p>
            <a:endParaRPr lang="en-GB"/>
          </a:p>
        </p:txBody>
      </p:sp>
      <p:sp>
        <p:nvSpPr>
          <p:cNvPr id="10" name="Freeform: Shape 9">
            <a:extLst>
              <a:ext uri="{FF2B5EF4-FFF2-40B4-BE49-F238E27FC236}">
                <a16:creationId xmlns:a16="http://schemas.microsoft.com/office/drawing/2014/main" id="{D756A37F-4A0D-BCD4-C3D9-6DDD2F5C84AE}"/>
              </a:ext>
            </a:extLst>
          </p:cNvPr>
          <p:cNvSpPr/>
          <p:nvPr userDrawn="1"/>
        </p:nvSpPr>
        <p:spPr>
          <a:xfrm>
            <a:off x="9659014" y="5734337"/>
            <a:ext cx="279081" cy="279081"/>
          </a:xfrm>
          <a:custGeom>
            <a:avLst/>
            <a:gdLst>
              <a:gd name="connsiteX0" fmla="*/ 33352 w 279081"/>
              <a:gd name="connsiteY0" fmla="*/ 78410 h 279081"/>
              <a:gd name="connsiteX1" fmla="*/ 33074 w 279081"/>
              <a:gd name="connsiteY1" fmla="*/ 78875 h 279081"/>
              <a:gd name="connsiteX2" fmla="*/ 17373 w 279081"/>
              <a:gd name="connsiteY2" fmla="*/ 130157 h 279081"/>
              <a:gd name="connsiteX3" fmla="*/ 17373 w 279081"/>
              <a:gd name="connsiteY3" fmla="*/ 130994 h 279081"/>
              <a:gd name="connsiteX4" fmla="*/ 61409 w 279081"/>
              <a:gd name="connsiteY4" fmla="*/ 130994 h 279081"/>
              <a:gd name="connsiteX5" fmla="*/ 61409 w 279081"/>
              <a:gd name="connsiteY5" fmla="*/ 130250 h 279081"/>
              <a:gd name="connsiteX6" fmla="*/ 67355 w 279081"/>
              <a:gd name="connsiteY6" fmla="*/ 85006 h 279081"/>
              <a:gd name="connsiteX7" fmla="*/ 67541 w 279081"/>
              <a:gd name="connsiteY7" fmla="*/ 84263 h 279081"/>
              <a:gd name="connsiteX8" fmla="*/ 66705 w 279081"/>
              <a:gd name="connsiteY8" fmla="*/ 84263 h 279081"/>
              <a:gd name="connsiteX9" fmla="*/ 33817 w 279081"/>
              <a:gd name="connsiteY9" fmla="*/ 78596 h 279081"/>
              <a:gd name="connsiteX10" fmla="*/ 33259 w 279081"/>
              <a:gd name="connsiteY10" fmla="*/ 78596 h 279081"/>
              <a:gd name="connsiteX11" fmla="*/ 211634 w 279081"/>
              <a:gd name="connsiteY11" fmla="*/ 84356 h 279081"/>
              <a:gd name="connsiteX12" fmla="*/ 211819 w 279081"/>
              <a:gd name="connsiteY12" fmla="*/ 85099 h 279081"/>
              <a:gd name="connsiteX13" fmla="*/ 217672 w 279081"/>
              <a:gd name="connsiteY13" fmla="*/ 130065 h 279081"/>
              <a:gd name="connsiteX14" fmla="*/ 217672 w 279081"/>
              <a:gd name="connsiteY14" fmla="*/ 130808 h 279081"/>
              <a:gd name="connsiteX15" fmla="*/ 261708 w 279081"/>
              <a:gd name="connsiteY15" fmla="*/ 130808 h 279081"/>
              <a:gd name="connsiteX16" fmla="*/ 261708 w 279081"/>
              <a:gd name="connsiteY16" fmla="*/ 129972 h 279081"/>
              <a:gd name="connsiteX17" fmla="*/ 246008 w 279081"/>
              <a:gd name="connsiteY17" fmla="*/ 78782 h 279081"/>
              <a:gd name="connsiteX18" fmla="*/ 245729 w 279081"/>
              <a:gd name="connsiteY18" fmla="*/ 78317 h 279081"/>
              <a:gd name="connsiteX19" fmla="*/ 245172 w 279081"/>
              <a:gd name="connsiteY19" fmla="*/ 78317 h 279081"/>
              <a:gd name="connsiteX20" fmla="*/ 212377 w 279081"/>
              <a:gd name="connsiteY20" fmla="*/ 84170 h 279081"/>
              <a:gd name="connsiteX21" fmla="*/ 211541 w 279081"/>
              <a:gd name="connsiteY21" fmla="*/ 84170 h 279081"/>
              <a:gd name="connsiteX22" fmla="*/ 185528 w 279081"/>
              <a:gd name="connsiteY22" fmla="*/ 25920 h 279081"/>
              <a:gd name="connsiteX23" fmla="*/ 187107 w 279081"/>
              <a:gd name="connsiteY23" fmla="*/ 28150 h 279081"/>
              <a:gd name="connsiteX24" fmla="*/ 196304 w 279081"/>
              <a:gd name="connsiteY24" fmla="*/ 42921 h 279081"/>
              <a:gd name="connsiteX25" fmla="*/ 206710 w 279081"/>
              <a:gd name="connsiteY25" fmla="*/ 67448 h 279081"/>
              <a:gd name="connsiteX26" fmla="*/ 206895 w 279081"/>
              <a:gd name="connsiteY26" fmla="*/ 68005 h 279081"/>
              <a:gd name="connsiteX27" fmla="*/ 207546 w 279081"/>
              <a:gd name="connsiteY27" fmla="*/ 68005 h 279081"/>
              <a:gd name="connsiteX28" fmla="*/ 234209 w 279081"/>
              <a:gd name="connsiteY28" fmla="*/ 63546 h 279081"/>
              <a:gd name="connsiteX29" fmla="*/ 235417 w 279081"/>
              <a:gd name="connsiteY29" fmla="*/ 63267 h 279081"/>
              <a:gd name="connsiteX30" fmla="*/ 234674 w 279081"/>
              <a:gd name="connsiteY30" fmla="*/ 62338 h 279081"/>
              <a:gd name="connsiteX31" fmla="*/ 226219 w 279081"/>
              <a:gd name="connsiteY31" fmla="*/ 52955 h 279081"/>
              <a:gd name="connsiteX32" fmla="*/ 188129 w 279081"/>
              <a:gd name="connsiteY32" fmla="*/ 27035 h 279081"/>
              <a:gd name="connsiteX33" fmla="*/ 185621 w 279081"/>
              <a:gd name="connsiteY33" fmla="*/ 25920 h 279081"/>
              <a:gd name="connsiteX34" fmla="*/ 93554 w 279081"/>
              <a:gd name="connsiteY34" fmla="*/ 25920 h 279081"/>
              <a:gd name="connsiteX35" fmla="*/ 91045 w 279081"/>
              <a:gd name="connsiteY35" fmla="*/ 27035 h 279081"/>
              <a:gd name="connsiteX36" fmla="*/ 52955 w 279081"/>
              <a:gd name="connsiteY36" fmla="*/ 52955 h 279081"/>
              <a:gd name="connsiteX37" fmla="*/ 44594 w 279081"/>
              <a:gd name="connsiteY37" fmla="*/ 62245 h 279081"/>
              <a:gd name="connsiteX38" fmla="*/ 43850 w 279081"/>
              <a:gd name="connsiteY38" fmla="*/ 63174 h 279081"/>
              <a:gd name="connsiteX39" fmla="*/ 45058 w 279081"/>
              <a:gd name="connsiteY39" fmla="*/ 63360 h 279081"/>
              <a:gd name="connsiteX40" fmla="*/ 71628 w 279081"/>
              <a:gd name="connsiteY40" fmla="*/ 67541 h 279081"/>
              <a:gd name="connsiteX41" fmla="*/ 72186 w 279081"/>
              <a:gd name="connsiteY41" fmla="*/ 67541 h 279081"/>
              <a:gd name="connsiteX42" fmla="*/ 72372 w 279081"/>
              <a:gd name="connsiteY42" fmla="*/ 67076 h 279081"/>
              <a:gd name="connsiteX43" fmla="*/ 82684 w 279081"/>
              <a:gd name="connsiteY43" fmla="*/ 42828 h 279081"/>
              <a:gd name="connsiteX44" fmla="*/ 91881 w 279081"/>
              <a:gd name="connsiteY44" fmla="*/ 28057 h 279081"/>
              <a:gd name="connsiteX45" fmla="*/ 93461 w 279081"/>
              <a:gd name="connsiteY45" fmla="*/ 25827 h 279081"/>
              <a:gd name="connsiteX46" fmla="*/ 93554 w 279081"/>
              <a:gd name="connsiteY46" fmla="*/ 253068 h 279081"/>
              <a:gd name="connsiteX47" fmla="*/ 91974 w 279081"/>
              <a:gd name="connsiteY47" fmla="*/ 250839 h 279081"/>
              <a:gd name="connsiteX48" fmla="*/ 82777 w 279081"/>
              <a:gd name="connsiteY48" fmla="*/ 236067 h 279081"/>
              <a:gd name="connsiteX49" fmla="*/ 72557 w 279081"/>
              <a:gd name="connsiteY49" fmla="*/ 212005 h 279081"/>
              <a:gd name="connsiteX50" fmla="*/ 72372 w 279081"/>
              <a:gd name="connsiteY50" fmla="*/ 211448 h 279081"/>
              <a:gd name="connsiteX51" fmla="*/ 71721 w 279081"/>
              <a:gd name="connsiteY51" fmla="*/ 211448 h 279081"/>
              <a:gd name="connsiteX52" fmla="*/ 45615 w 279081"/>
              <a:gd name="connsiteY52" fmla="*/ 216279 h 279081"/>
              <a:gd name="connsiteX53" fmla="*/ 44408 w 279081"/>
              <a:gd name="connsiteY53" fmla="*/ 216557 h 279081"/>
              <a:gd name="connsiteX54" fmla="*/ 45151 w 279081"/>
              <a:gd name="connsiteY54" fmla="*/ 217486 h 279081"/>
              <a:gd name="connsiteX55" fmla="*/ 52955 w 279081"/>
              <a:gd name="connsiteY55" fmla="*/ 226126 h 279081"/>
              <a:gd name="connsiteX56" fmla="*/ 91045 w 279081"/>
              <a:gd name="connsiteY56" fmla="*/ 252046 h 279081"/>
              <a:gd name="connsiteX57" fmla="*/ 93554 w 279081"/>
              <a:gd name="connsiteY57" fmla="*/ 253161 h 279081"/>
              <a:gd name="connsiteX58" fmla="*/ 185528 w 279081"/>
              <a:gd name="connsiteY58" fmla="*/ 253068 h 279081"/>
              <a:gd name="connsiteX59" fmla="*/ 188036 w 279081"/>
              <a:gd name="connsiteY59" fmla="*/ 251954 h 279081"/>
              <a:gd name="connsiteX60" fmla="*/ 226126 w 279081"/>
              <a:gd name="connsiteY60" fmla="*/ 226034 h 279081"/>
              <a:gd name="connsiteX61" fmla="*/ 234116 w 279081"/>
              <a:gd name="connsiteY61" fmla="*/ 217301 h 279081"/>
              <a:gd name="connsiteX62" fmla="*/ 234859 w 279081"/>
              <a:gd name="connsiteY62" fmla="*/ 216372 h 279081"/>
              <a:gd name="connsiteX63" fmla="*/ 233652 w 279081"/>
              <a:gd name="connsiteY63" fmla="*/ 216093 h 279081"/>
              <a:gd name="connsiteX64" fmla="*/ 207546 w 279081"/>
              <a:gd name="connsiteY64" fmla="*/ 211169 h 279081"/>
              <a:gd name="connsiteX65" fmla="*/ 206895 w 279081"/>
              <a:gd name="connsiteY65" fmla="*/ 211169 h 279081"/>
              <a:gd name="connsiteX66" fmla="*/ 206710 w 279081"/>
              <a:gd name="connsiteY66" fmla="*/ 211634 h 279081"/>
              <a:gd name="connsiteX67" fmla="*/ 196397 w 279081"/>
              <a:gd name="connsiteY67" fmla="*/ 235974 h 279081"/>
              <a:gd name="connsiteX68" fmla="*/ 187200 w 279081"/>
              <a:gd name="connsiteY68" fmla="*/ 250746 h 279081"/>
              <a:gd name="connsiteX69" fmla="*/ 185621 w 279081"/>
              <a:gd name="connsiteY69" fmla="*/ 252975 h 279081"/>
              <a:gd name="connsiteX70" fmla="*/ 211634 w 279081"/>
              <a:gd name="connsiteY70" fmla="*/ 194632 h 279081"/>
              <a:gd name="connsiteX71" fmla="*/ 212377 w 279081"/>
              <a:gd name="connsiteY71" fmla="*/ 194632 h 279081"/>
              <a:gd name="connsiteX72" fmla="*/ 244707 w 279081"/>
              <a:gd name="connsiteY72" fmla="*/ 201136 h 279081"/>
              <a:gd name="connsiteX73" fmla="*/ 245264 w 279081"/>
              <a:gd name="connsiteY73" fmla="*/ 201136 h 279081"/>
              <a:gd name="connsiteX74" fmla="*/ 245543 w 279081"/>
              <a:gd name="connsiteY74" fmla="*/ 200764 h 279081"/>
              <a:gd name="connsiteX75" fmla="*/ 261615 w 279081"/>
              <a:gd name="connsiteY75" fmla="*/ 148738 h 279081"/>
              <a:gd name="connsiteX76" fmla="*/ 261615 w 279081"/>
              <a:gd name="connsiteY76" fmla="*/ 147902 h 279081"/>
              <a:gd name="connsiteX77" fmla="*/ 217672 w 279081"/>
              <a:gd name="connsiteY77" fmla="*/ 147902 h 279081"/>
              <a:gd name="connsiteX78" fmla="*/ 217672 w 279081"/>
              <a:gd name="connsiteY78" fmla="*/ 148645 h 279081"/>
              <a:gd name="connsiteX79" fmla="*/ 211726 w 279081"/>
              <a:gd name="connsiteY79" fmla="*/ 193796 h 279081"/>
              <a:gd name="connsiteX80" fmla="*/ 211541 w 279081"/>
              <a:gd name="connsiteY80" fmla="*/ 194539 h 279081"/>
              <a:gd name="connsiteX81" fmla="*/ 33817 w 279081"/>
              <a:gd name="connsiteY81" fmla="*/ 201321 h 279081"/>
              <a:gd name="connsiteX82" fmla="*/ 34374 w 279081"/>
              <a:gd name="connsiteY82" fmla="*/ 201321 h 279081"/>
              <a:gd name="connsiteX83" fmla="*/ 66797 w 279081"/>
              <a:gd name="connsiteY83" fmla="*/ 195004 h 279081"/>
              <a:gd name="connsiteX84" fmla="*/ 67541 w 279081"/>
              <a:gd name="connsiteY84" fmla="*/ 195004 h 279081"/>
              <a:gd name="connsiteX85" fmla="*/ 67355 w 279081"/>
              <a:gd name="connsiteY85" fmla="*/ 194075 h 279081"/>
              <a:gd name="connsiteX86" fmla="*/ 61409 w 279081"/>
              <a:gd name="connsiteY86" fmla="*/ 148645 h 279081"/>
              <a:gd name="connsiteX87" fmla="*/ 61409 w 279081"/>
              <a:gd name="connsiteY87" fmla="*/ 147902 h 279081"/>
              <a:gd name="connsiteX88" fmla="*/ 17373 w 279081"/>
              <a:gd name="connsiteY88" fmla="*/ 147902 h 279081"/>
              <a:gd name="connsiteX89" fmla="*/ 17373 w 279081"/>
              <a:gd name="connsiteY89" fmla="*/ 148738 h 279081"/>
              <a:gd name="connsiteX90" fmla="*/ 33631 w 279081"/>
              <a:gd name="connsiteY90" fmla="*/ 200857 h 279081"/>
              <a:gd name="connsiteX91" fmla="*/ 33910 w 279081"/>
              <a:gd name="connsiteY91" fmla="*/ 201321 h 279081"/>
              <a:gd name="connsiteX92" fmla="*/ 131830 w 279081"/>
              <a:gd name="connsiteY92" fmla="*/ 72279 h 279081"/>
              <a:gd name="connsiteX93" fmla="*/ 131830 w 279081"/>
              <a:gd name="connsiteY93" fmla="*/ 18023 h 279081"/>
              <a:gd name="connsiteX94" fmla="*/ 130901 w 279081"/>
              <a:gd name="connsiteY94" fmla="*/ 18302 h 279081"/>
              <a:gd name="connsiteX95" fmla="*/ 97734 w 279081"/>
              <a:gd name="connsiteY95" fmla="*/ 50911 h 279081"/>
              <a:gd name="connsiteX96" fmla="*/ 89837 w 279081"/>
              <a:gd name="connsiteY96" fmla="*/ 68841 h 279081"/>
              <a:gd name="connsiteX97" fmla="*/ 89559 w 279081"/>
              <a:gd name="connsiteY97" fmla="*/ 69770 h 279081"/>
              <a:gd name="connsiteX98" fmla="*/ 90488 w 279081"/>
              <a:gd name="connsiteY98" fmla="*/ 69770 h 279081"/>
              <a:gd name="connsiteX99" fmla="*/ 131179 w 279081"/>
              <a:gd name="connsiteY99" fmla="*/ 72279 h 279081"/>
              <a:gd name="connsiteX100" fmla="*/ 131923 w 279081"/>
              <a:gd name="connsiteY100" fmla="*/ 72279 h 279081"/>
              <a:gd name="connsiteX101" fmla="*/ 84542 w 279081"/>
              <a:gd name="connsiteY101" fmla="*/ 86307 h 279081"/>
              <a:gd name="connsiteX102" fmla="*/ 84356 w 279081"/>
              <a:gd name="connsiteY102" fmla="*/ 86957 h 279081"/>
              <a:gd name="connsiteX103" fmla="*/ 78410 w 279081"/>
              <a:gd name="connsiteY103" fmla="*/ 130250 h 279081"/>
              <a:gd name="connsiteX104" fmla="*/ 78410 w 279081"/>
              <a:gd name="connsiteY104" fmla="*/ 130994 h 279081"/>
              <a:gd name="connsiteX105" fmla="*/ 131737 w 279081"/>
              <a:gd name="connsiteY105" fmla="*/ 130994 h 279081"/>
              <a:gd name="connsiteX106" fmla="*/ 131737 w 279081"/>
              <a:gd name="connsiteY106" fmla="*/ 89280 h 279081"/>
              <a:gd name="connsiteX107" fmla="*/ 130994 w 279081"/>
              <a:gd name="connsiteY107" fmla="*/ 89280 h 279081"/>
              <a:gd name="connsiteX108" fmla="*/ 85006 w 279081"/>
              <a:gd name="connsiteY108" fmla="*/ 86400 h 279081"/>
              <a:gd name="connsiteX109" fmla="*/ 84356 w 279081"/>
              <a:gd name="connsiteY109" fmla="*/ 86400 h 279081"/>
              <a:gd name="connsiteX110" fmla="*/ 131830 w 279081"/>
              <a:gd name="connsiteY110" fmla="*/ 189244 h 279081"/>
              <a:gd name="connsiteX111" fmla="*/ 131830 w 279081"/>
              <a:gd name="connsiteY111" fmla="*/ 147995 h 279081"/>
              <a:gd name="connsiteX112" fmla="*/ 78410 w 279081"/>
              <a:gd name="connsiteY112" fmla="*/ 147995 h 279081"/>
              <a:gd name="connsiteX113" fmla="*/ 78410 w 279081"/>
              <a:gd name="connsiteY113" fmla="*/ 148738 h 279081"/>
              <a:gd name="connsiteX114" fmla="*/ 84356 w 279081"/>
              <a:gd name="connsiteY114" fmla="*/ 191938 h 279081"/>
              <a:gd name="connsiteX115" fmla="*/ 84542 w 279081"/>
              <a:gd name="connsiteY115" fmla="*/ 192588 h 279081"/>
              <a:gd name="connsiteX116" fmla="*/ 85192 w 279081"/>
              <a:gd name="connsiteY116" fmla="*/ 192588 h 279081"/>
              <a:gd name="connsiteX117" fmla="*/ 131179 w 279081"/>
              <a:gd name="connsiteY117" fmla="*/ 189244 h 279081"/>
              <a:gd name="connsiteX118" fmla="*/ 131923 w 279081"/>
              <a:gd name="connsiteY118" fmla="*/ 189244 h 279081"/>
              <a:gd name="connsiteX119" fmla="*/ 131830 w 279081"/>
              <a:gd name="connsiteY119" fmla="*/ 260965 h 279081"/>
              <a:gd name="connsiteX120" fmla="*/ 131830 w 279081"/>
              <a:gd name="connsiteY120" fmla="*/ 206245 h 279081"/>
              <a:gd name="connsiteX121" fmla="*/ 131086 w 279081"/>
              <a:gd name="connsiteY121" fmla="*/ 206245 h 279081"/>
              <a:gd name="connsiteX122" fmla="*/ 90395 w 279081"/>
              <a:gd name="connsiteY122" fmla="*/ 209032 h 279081"/>
              <a:gd name="connsiteX123" fmla="*/ 89466 w 279081"/>
              <a:gd name="connsiteY123" fmla="*/ 209032 h 279081"/>
              <a:gd name="connsiteX124" fmla="*/ 89745 w 279081"/>
              <a:gd name="connsiteY124" fmla="*/ 210054 h 279081"/>
              <a:gd name="connsiteX125" fmla="*/ 97734 w 279081"/>
              <a:gd name="connsiteY125" fmla="*/ 228170 h 279081"/>
              <a:gd name="connsiteX126" fmla="*/ 130901 w 279081"/>
              <a:gd name="connsiteY126" fmla="*/ 260779 h 279081"/>
              <a:gd name="connsiteX127" fmla="*/ 131830 w 279081"/>
              <a:gd name="connsiteY127" fmla="*/ 261058 h 279081"/>
              <a:gd name="connsiteX128" fmla="*/ 148924 w 279081"/>
              <a:gd name="connsiteY128" fmla="*/ 206245 h 279081"/>
              <a:gd name="connsiteX129" fmla="*/ 148924 w 279081"/>
              <a:gd name="connsiteY129" fmla="*/ 260501 h 279081"/>
              <a:gd name="connsiteX130" fmla="*/ 149946 w 279081"/>
              <a:gd name="connsiteY130" fmla="*/ 260129 h 279081"/>
              <a:gd name="connsiteX131" fmla="*/ 181440 w 279081"/>
              <a:gd name="connsiteY131" fmla="*/ 228077 h 279081"/>
              <a:gd name="connsiteX132" fmla="*/ 189523 w 279081"/>
              <a:gd name="connsiteY132" fmla="*/ 209683 h 279081"/>
              <a:gd name="connsiteX133" fmla="*/ 189801 w 279081"/>
              <a:gd name="connsiteY133" fmla="*/ 208846 h 279081"/>
              <a:gd name="connsiteX134" fmla="*/ 188872 w 279081"/>
              <a:gd name="connsiteY134" fmla="*/ 208846 h 279081"/>
              <a:gd name="connsiteX135" fmla="*/ 149667 w 279081"/>
              <a:gd name="connsiteY135" fmla="*/ 206245 h 279081"/>
              <a:gd name="connsiteX136" fmla="*/ 148924 w 279081"/>
              <a:gd name="connsiteY136" fmla="*/ 206245 h 279081"/>
              <a:gd name="connsiteX137" fmla="*/ 194725 w 279081"/>
              <a:gd name="connsiteY137" fmla="*/ 192310 h 279081"/>
              <a:gd name="connsiteX138" fmla="*/ 194911 w 279081"/>
              <a:gd name="connsiteY138" fmla="*/ 191659 h 279081"/>
              <a:gd name="connsiteX139" fmla="*/ 200671 w 279081"/>
              <a:gd name="connsiteY139" fmla="*/ 148738 h 279081"/>
              <a:gd name="connsiteX140" fmla="*/ 200671 w 279081"/>
              <a:gd name="connsiteY140" fmla="*/ 147995 h 279081"/>
              <a:gd name="connsiteX141" fmla="*/ 148924 w 279081"/>
              <a:gd name="connsiteY141" fmla="*/ 147995 h 279081"/>
              <a:gd name="connsiteX142" fmla="*/ 148924 w 279081"/>
              <a:gd name="connsiteY142" fmla="*/ 189151 h 279081"/>
              <a:gd name="connsiteX143" fmla="*/ 149667 w 279081"/>
              <a:gd name="connsiteY143" fmla="*/ 189151 h 279081"/>
              <a:gd name="connsiteX144" fmla="*/ 194075 w 279081"/>
              <a:gd name="connsiteY144" fmla="*/ 192217 h 279081"/>
              <a:gd name="connsiteX145" fmla="*/ 194725 w 279081"/>
              <a:gd name="connsiteY145" fmla="*/ 192217 h 279081"/>
              <a:gd name="connsiteX146" fmla="*/ 194725 w 279081"/>
              <a:gd name="connsiteY146" fmla="*/ 86679 h 279081"/>
              <a:gd name="connsiteX147" fmla="*/ 194075 w 279081"/>
              <a:gd name="connsiteY147" fmla="*/ 86679 h 279081"/>
              <a:gd name="connsiteX148" fmla="*/ 149667 w 279081"/>
              <a:gd name="connsiteY148" fmla="*/ 89373 h 279081"/>
              <a:gd name="connsiteX149" fmla="*/ 148924 w 279081"/>
              <a:gd name="connsiteY149" fmla="*/ 89373 h 279081"/>
              <a:gd name="connsiteX150" fmla="*/ 148924 w 279081"/>
              <a:gd name="connsiteY150" fmla="*/ 131086 h 279081"/>
              <a:gd name="connsiteX151" fmla="*/ 200671 w 279081"/>
              <a:gd name="connsiteY151" fmla="*/ 131086 h 279081"/>
              <a:gd name="connsiteX152" fmla="*/ 200671 w 279081"/>
              <a:gd name="connsiteY152" fmla="*/ 130343 h 279081"/>
              <a:gd name="connsiteX153" fmla="*/ 194818 w 279081"/>
              <a:gd name="connsiteY153" fmla="*/ 87329 h 279081"/>
              <a:gd name="connsiteX154" fmla="*/ 194632 w 279081"/>
              <a:gd name="connsiteY154" fmla="*/ 86679 h 279081"/>
              <a:gd name="connsiteX155" fmla="*/ 189801 w 279081"/>
              <a:gd name="connsiteY155" fmla="*/ 70049 h 279081"/>
              <a:gd name="connsiteX156" fmla="*/ 189523 w 279081"/>
              <a:gd name="connsiteY156" fmla="*/ 69120 h 279081"/>
              <a:gd name="connsiteX157" fmla="*/ 181533 w 279081"/>
              <a:gd name="connsiteY157" fmla="*/ 50911 h 279081"/>
              <a:gd name="connsiteX158" fmla="*/ 150039 w 279081"/>
              <a:gd name="connsiteY158" fmla="*/ 18859 h 279081"/>
              <a:gd name="connsiteX159" fmla="*/ 149017 w 279081"/>
              <a:gd name="connsiteY159" fmla="*/ 18488 h 279081"/>
              <a:gd name="connsiteX160" fmla="*/ 149017 w 279081"/>
              <a:gd name="connsiteY160" fmla="*/ 72279 h 279081"/>
              <a:gd name="connsiteX161" fmla="*/ 149760 w 279081"/>
              <a:gd name="connsiteY161" fmla="*/ 72279 h 279081"/>
              <a:gd name="connsiteX162" fmla="*/ 188872 w 279081"/>
              <a:gd name="connsiteY162" fmla="*/ 70049 h 279081"/>
              <a:gd name="connsiteX163" fmla="*/ 189801 w 279081"/>
              <a:gd name="connsiteY163" fmla="*/ 70049 h 279081"/>
              <a:gd name="connsiteX164" fmla="*/ 139541 w 279081"/>
              <a:gd name="connsiteY164" fmla="*/ 0 h 279081"/>
              <a:gd name="connsiteX165" fmla="*/ 238204 w 279081"/>
              <a:gd name="connsiteY165" fmla="*/ 40877 h 279081"/>
              <a:gd name="connsiteX166" fmla="*/ 279081 w 279081"/>
              <a:gd name="connsiteY166" fmla="*/ 139541 h 279081"/>
              <a:gd name="connsiteX167" fmla="*/ 238204 w 279081"/>
              <a:gd name="connsiteY167" fmla="*/ 238204 h 279081"/>
              <a:gd name="connsiteX168" fmla="*/ 139541 w 279081"/>
              <a:gd name="connsiteY168" fmla="*/ 279081 h 279081"/>
              <a:gd name="connsiteX169" fmla="*/ 40877 w 279081"/>
              <a:gd name="connsiteY169" fmla="*/ 238204 h 279081"/>
              <a:gd name="connsiteX170" fmla="*/ 0 w 279081"/>
              <a:gd name="connsiteY170" fmla="*/ 139541 h 279081"/>
              <a:gd name="connsiteX171" fmla="*/ 40877 w 279081"/>
              <a:gd name="connsiteY171" fmla="*/ 40877 h 279081"/>
              <a:gd name="connsiteX172" fmla="*/ 139541 w 279081"/>
              <a:gd name="connsiteY172" fmla="*/ 0 h 2790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Lst>
            <a:rect l="l" t="t" r="r" b="b"/>
            <a:pathLst>
              <a:path w="279081" h="279081">
                <a:moveTo>
                  <a:pt x="33352" y="78410"/>
                </a:moveTo>
                <a:lnTo>
                  <a:pt x="33074" y="78875"/>
                </a:lnTo>
                <a:cubicBezTo>
                  <a:pt x="24062" y="94575"/>
                  <a:pt x="18766" y="112134"/>
                  <a:pt x="17373" y="130157"/>
                </a:cubicBezTo>
                <a:lnTo>
                  <a:pt x="17373" y="130994"/>
                </a:lnTo>
                <a:lnTo>
                  <a:pt x="61409" y="130994"/>
                </a:lnTo>
                <a:lnTo>
                  <a:pt x="61409" y="130250"/>
                </a:lnTo>
                <a:cubicBezTo>
                  <a:pt x="61966" y="115014"/>
                  <a:pt x="63917" y="99778"/>
                  <a:pt x="67355" y="85006"/>
                </a:cubicBezTo>
                <a:lnTo>
                  <a:pt x="67541" y="84263"/>
                </a:lnTo>
                <a:lnTo>
                  <a:pt x="66705" y="84263"/>
                </a:lnTo>
                <a:cubicBezTo>
                  <a:pt x="55742" y="82591"/>
                  <a:pt x="44779" y="80733"/>
                  <a:pt x="33817" y="78596"/>
                </a:cubicBezTo>
                <a:lnTo>
                  <a:pt x="33259" y="78596"/>
                </a:lnTo>
                <a:close/>
                <a:moveTo>
                  <a:pt x="211634" y="84356"/>
                </a:moveTo>
                <a:lnTo>
                  <a:pt x="211819" y="85099"/>
                </a:lnTo>
                <a:cubicBezTo>
                  <a:pt x="215257" y="99871"/>
                  <a:pt x="217115" y="114921"/>
                  <a:pt x="217672" y="130065"/>
                </a:cubicBezTo>
                <a:lnTo>
                  <a:pt x="217672" y="130808"/>
                </a:lnTo>
                <a:lnTo>
                  <a:pt x="261708" y="130808"/>
                </a:lnTo>
                <a:lnTo>
                  <a:pt x="261708" y="129972"/>
                </a:lnTo>
                <a:cubicBezTo>
                  <a:pt x="260315" y="111948"/>
                  <a:pt x="255019" y="94483"/>
                  <a:pt x="246008" y="78782"/>
                </a:cubicBezTo>
                <a:lnTo>
                  <a:pt x="245729" y="78317"/>
                </a:lnTo>
                <a:lnTo>
                  <a:pt x="245172" y="78317"/>
                </a:lnTo>
                <a:cubicBezTo>
                  <a:pt x="234302" y="80733"/>
                  <a:pt x="223339" y="82591"/>
                  <a:pt x="212377" y="84170"/>
                </a:cubicBezTo>
                <a:lnTo>
                  <a:pt x="211541" y="84170"/>
                </a:lnTo>
                <a:close/>
                <a:moveTo>
                  <a:pt x="185528" y="25920"/>
                </a:moveTo>
                <a:lnTo>
                  <a:pt x="187107" y="28150"/>
                </a:lnTo>
                <a:cubicBezTo>
                  <a:pt x="190545" y="32795"/>
                  <a:pt x="193610" y="37812"/>
                  <a:pt x="196304" y="42921"/>
                </a:cubicBezTo>
                <a:cubicBezTo>
                  <a:pt x="200485" y="50725"/>
                  <a:pt x="203923" y="58994"/>
                  <a:pt x="206710" y="67448"/>
                </a:cubicBezTo>
                <a:lnTo>
                  <a:pt x="206895" y="68005"/>
                </a:lnTo>
                <a:lnTo>
                  <a:pt x="207546" y="68005"/>
                </a:lnTo>
                <a:cubicBezTo>
                  <a:pt x="216464" y="66705"/>
                  <a:pt x="225290" y="65218"/>
                  <a:pt x="234209" y="63546"/>
                </a:cubicBezTo>
                <a:lnTo>
                  <a:pt x="235417" y="63267"/>
                </a:lnTo>
                <a:lnTo>
                  <a:pt x="234674" y="62338"/>
                </a:lnTo>
                <a:cubicBezTo>
                  <a:pt x="231979" y="59086"/>
                  <a:pt x="229192" y="55928"/>
                  <a:pt x="226219" y="52955"/>
                </a:cubicBezTo>
                <a:cubicBezTo>
                  <a:pt x="215257" y="41992"/>
                  <a:pt x="202343" y="33166"/>
                  <a:pt x="188129" y="27035"/>
                </a:cubicBezTo>
                <a:lnTo>
                  <a:pt x="185621" y="25920"/>
                </a:lnTo>
                <a:close/>
                <a:moveTo>
                  <a:pt x="93554" y="25920"/>
                </a:moveTo>
                <a:lnTo>
                  <a:pt x="91045" y="27035"/>
                </a:lnTo>
                <a:cubicBezTo>
                  <a:pt x="76831" y="33166"/>
                  <a:pt x="63917" y="41992"/>
                  <a:pt x="52955" y="52955"/>
                </a:cubicBezTo>
                <a:cubicBezTo>
                  <a:pt x="49982" y="55928"/>
                  <a:pt x="47195" y="58994"/>
                  <a:pt x="44594" y="62245"/>
                </a:cubicBezTo>
                <a:lnTo>
                  <a:pt x="43850" y="63174"/>
                </a:lnTo>
                <a:lnTo>
                  <a:pt x="45058" y="63360"/>
                </a:lnTo>
                <a:cubicBezTo>
                  <a:pt x="53884" y="64939"/>
                  <a:pt x="62710" y="66426"/>
                  <a:pt x="71628" y="67541"/>
                </a:cubicBezTo>
                <a:lnTo>
                  <a:pt x="72186" y="67541"/>
                </a:lnTo>
                <a:lnTo>
                  <a:pt x="72372" y="67076"/>
                </a:lnTo>
                <a:cubicBezTo>
                  <a:pt x="75159" y="58715"/>
                  <a:pt x="78503" y="50632"/>
                  <a:pt x="82684" y="42828"/>
                </a:cubicBezTo>
                <a:cubicBezTo>
                  <a:pt x="85378" y="37719"/>
                  <a:pt x="88444" y="32795"/>
                  <a:pt x="91881" y="28057"/>
                </a:cubicBezTo>
                <a:lnTo>
                  <a:pt x="93461" y="25827"/>
                </a:lnTo>
                <a:close/>
                <a:moveTo>
                  <a:pt x="93554" y="253068"/>
                </a:moveTo>
                <a:lnTo>
                  <a:pt x="91974" y="250839"/>
                </a:lnTo>
                <a:cubicBezTo>
                  <a:pt x="88537" y="246194"/>
                  <a:pt x="85471" y="241177"/>
                  <a:pt x="82777" y="236067"/>
                </a:cubicBezTo>
                <a:cubicBezTo>
                  <a:pt x="78689" y="228356"/>
                  <a:pt x="75345" y="220274"/>
                  <a:pt x="72557" y="212005"/>
                </a:cubicBezTo>
                <a:lnTo>
                  <a:pt x="72372" y="211448"/>
                </a:lnTo>
                <a:lnTo>
                  <a:pt x="71721" y="211448"/>
                </a:lnTo>
                <a:cubicBezTo>
                  <a:pt x="62988" y="212841"/>
                  <a:pt x="54255" y="214514"/>
                  <a:pt x="45615" y="216279"/>
                </a:cubicBezTo>
                <a:lnTo>
                  <a:pt x="44408" y="216557"/>
                </a:lnTo>
                <a:lnTo>
                  <a:pt x="45151" y="217486"/>
                </a:lnTo>
                <a:cubicBezTo>
                  <a:pt x="47659" y="220459"/>
                  <a:pt x="50261" y="223339"/>
                  <a:pt x="52955" y="226126"/>
                </a:cubicBezTo>
                <a:cubicBezTo>
                  <a:pt x="63917" y="237089"/>
                  <a:pt x="76831" y="245915"/>
                  <a:pt x="91045" y="252046"/>
                </a:cubicBezTo>
                <a:lnTo>
                  <a:pt x="93554" y="253161"/>
                </a:lnTo>
                <a:close/>
                <a:moveTo>
                  <a:pt x="185528" y="253068"/>
                </a:moveTo>
                <a:lnTo>
                  <a:pt x="188036" y="251954"/>
                </a:lnTo>
                <a:cubicBezTo>
                  <a:pt x="202250" y="245822"/>
                  <a:pt x="215164" y="236996"/>
                  <a:pt x="226126" y="226034"/>
                </a:cubicBezTo>
                <a:cubicBezTo>
                  <a:pt x="228914" y="223246"/>
                  <a:pt x="231608" y="220366"/>
                  <a:pt x="234116" y="217301"/>
                </a:cubicBezTo>
                <a:lnTo>
                  <a:pt x="234859" y="216372"/>
                </a:lnTo>
                <a:lnTo>
                  <a:pt x="233652" y="216093"/>
                </a:lnTo>
                <a:cubicBezTo>
                  <a:pt x="225012" y="214235"/>
                  <a:pt x="216279" y="212563"/>
                  <a:pt x="207546" y="211169"/>
                </a:cubicBezTo>
                <a:lnTo>
                  <a:pt x="206895" y="211169"/>
                </a:lnTo>
                <a:lnTo>
                  <a:pt x="206710" y="211634"/>
                </a:lnTo>
                <a:cubicBezTo>
                  <a:pt x="203923" y="219995"/>
                  <a:pt x="200485" y="228170"/>
                  <a:pt x="196397" y="235974"/>
                </a:cubicBezTo>
                <a:cubicBezTo>
                  <a:pt x="193703" y="241084"/>
                  <a:pt x="190637" y="246008"/>
                  <a:pt x="187200" y="250746"/>
                </a:cubicBezTo>
                <a:lnTo>
                  <a:pt x="185621" y="252975"/>
                </a:lnTo>
                <a:close/>
                <a:moveTo>
                  <a:pt x="211634" y="194632"/>
                </a:moveTo>
                <a:lnTo>
                  <a:pt x="212377" y="194632"/>
                </a:lnTo>
                <a:cubicBezTo>
                  <a:pt x="223246" y="196490"/>
                  <a:pt x="234023" y="198627"/>
                  <a:pt x="244707" y="201136"/>
                </a:cubicBezTo>
                <a:lnTo>
                  <a:pt x="245264" y="201136"/>
                </a:lnTo>
                <a:lnTo>
                  <a:pt x="245543" y="200764"/>
                </a:lnTo>
                <a:cubicBezTo>
                  <a:pt x="254741" y="184877"/>
                  <a:pt x="260222" y="167040"/>
                  <a:pt x="261615" y="148738"/>
                </a:cubicBezTo>
                <a:lnTo>
                  <a:pt x="261615" y="147902"/>
                </a:lnTo>
                <a:lnTo>
                  <a:pt x="217672" y="147902"/>
                </a:lnTo>
                <a:lnTo>
                  <a:pt x="217672" y="148645"/>
                </a:lnTo>
                <a:cubicBezTo>
                  <a:pt x="217115" y="163788"/>
                  <a:pt x="215257" y="179025"/>
                  <a:pt x="211726" y="193796"/>
                </a:cubicBezTo>
                <a:lnTo>
                  <a:pt x="211541" y="194539"/>
                </a:lnTo>
                <a:close/>
                <a:moveTo>
                  <a:pt x="33817" y="201321"/>
                </a:moveTo>
                <a:lnTo>
                  <a:pt x="34374" y="201321"/>
                </a:lnTo>
                <a:cubicBezTo>
                  <a:pt x="45151" y="198813"/>
                  <a:pt x="55928" y="196769"/>
                  <a:pt x="66797" y="195004"/>
                </a:cubicBezTo>
                <a:lnTo>
                  <a:pt x="67541" y="195004"/>
                </a:lnTo>
                <a:lnTo>
                  <a:pt x="67355" y="194075"/>
                </a:lnTo>
                <a:cubicBezTo>
                  <a:pt x="63825" y="179210"/>
                  <a:pt x="61966" y="163881"/>
                  <a:pt x="61409" y="148645"/>
                </a:cubicBezTo>
                <a:lnTo>
                  <a:pt x="61409" y="147902"/>
                </a:lnTo>
                <a:lnTo>
                  <a:pt x="17373" y="147902"/>
                </a:lnTo>
                <a:lnTo>
                  <a:pt x="17373" y="148738"/>
                </a:lnTo>
                <a:cubicBezTo>
                  <a:pt x="18859" y="167133"/>
                  <a:pt x="24341" y="184877"/>
                  <a:pt x="33631" y="200857"/>
                </a:cubicBezTo>
                <a:lnTo>
                  <a:pt x="33910" y="201321"/>
                </a:lnTo>
                <a:close/>
                <a:moveTo>
                  <a:pt x="131830" y="72279"/>
                </a:moveTo>
                <a:lnTo>
                  <a:pt x="131830" y="18023"/>
                </a:lnTo>
                <a:lnTo>
                  <a:pt x="130901" y="18302"/>
                </a:lnTo>
                <a:cubicBezTo>
                  <a:pt x="116036" y="22761"/>
                  <a:pt x="104702" y="37719"/>
                  <a:pt x="97734" y="50911"/>
                </a:cubicBezTo>
                <a:cubicBezTo>
                  <a:pt x="94668" y="56671"/>
                  <a:pt x="92067" y="62710"/>
                  <a:pt x="89837" y="68841"/>
                </a:cubicBezTo>
                <a:lnTo>
                  <a:pt x="89559" y="69770"/>
                </a:lnTo>
                <a:lnTo>
                  <a:pt x="90488" y="69770"/>
                </a:lnTo>
                <a:cubicBezTo>
                  <a:pt x="103959" y="71164"/>
                  <a:pt x="117523" y="72000"/>
                  <a:pt x="131179" y="72279"/>
                </a:cubicBezTo>
                <a:lnTo>
                  <a:pt x="131923" y="72279"/>
                </a:lnTo>
                <a:close/>
                <a:moveTo>
                  <a:pt x="84542" y="86307"/>
                </a:moveTo>
                <a:lnTo>
                  <a:pt x="84356" y="86957"/>
                </a:lnTo>
                <a:cubicBezTo>
                  <a:pt x="80919" y="101172"/>
                  <a:pt x="79061" y="115665"/>
                  <a:pt x="78410" y="130250"/>
                </a:cubicBezTo>
                <a:lnTo>
                  <a:pt x="78410" y="130994"/>
                </a:lnTo>
                <a:lnTo>
                  <a:pt x="131737" y="130994"/>
                </a:lnTo>
                <a:lnTo>
                  <a:pt x="131737" y="89280"/>
                </a:lnTo>
                <a:lnTo>
                  <a:pt x="130994" y="89280"/>
                </a:lnTo>
                <a:cubicBezTo>
                  <a:pt x="115665" y="89001"/>
                  <a:pt x="100335" y="87979"/>
                  <a:pt x="85006" y="86400"/>
                </a:cubicBezTo>
                <a:lnTo>
                  <a:pt x="84356" y="86400"/>
                </a:lnTo>
                <a:close/>
                <a:moveTo>
                  <a:pt x="131830" y="189244"/>
                </a:moveTo>
                <a:lnTo>
                  <a:pt x="131830" y="147995"/>
                </a:lnTo>
                <a:lnTo>
                  <a:pt x="78410" y="147995"/>
                </a:lnTo>
                <a:lnTo>
                  <a:pt x="78410" y="148738"/>
                </a:lnTo>
                <a:cubicBezTo>
                  <a:pt x="78968" y="163231"/>
                  <a:pt x="80826" y="177817"/>
                  <a:pt x="84356" y="191938"/>
                </a:cubicBezTo>
                <a:lnTo>
                  <a:pt x="84542" y="192588"/>
                </a:lnTo>
                <a:lnTo>
                  <a:pt x="85192" y="192588"/>
                </a:lnTo>
                <a:cubicBezTo>
                  <a:pt x="100428" y="190730"/>
                  <a:pt x="115757" y="189615"/>
                  <a:pt x="131179" y="189244"/>
                </a:cubicBezTo>
                <a:lnTo>
                  <a:pt x="131923" y="189244"/>
                </a:lnTo>
                <a:close/>
                <a:moveTo>
                  <a:pt x="131830" y="260965"/>
                </a:moveTo>
                <a:lnTo>
                  <a:pt x="131830" y="206245"/>
                </a:lnTo>
                <a:lnTo>
                  <a:pt x="131086" y="206245"/>
                </a:lnTo>
                <a:cubicBezTo>
                  <a:pt x="117523" y="206617"/>
                  <a:pt x="103866" y="207546"/>
                  <a:pt x="90395" y="209032"/>
                </a:cubicBezTo>
                <a:lnTo>
                  <a:pt x="89466" y="209032"/>
                </a:lnTo>
                <a:lnTo>
                  <a:pt x="89745" y="210054"/>
                </a:lnTo>
                <a:cubicBezTo>
                  <a:pt x="91974" y="216279"/>
                  <a:pt x="94575" y="222317"/>
                  <a:pt x="97734" y="228170"/>
                </a:cubicBezTo>
                <a:cubicBezTo>
                  <a:pt x="104702" y="241270"/>
                  <a:pt x="116036" y="256320"/>
                  <a:pt x="130901" y="260779"/>
                </a:cubicBezTo>
                <a:lnTo>
                  <a:pt x="131830" y="261058"/>
                </a:lnTo>
                <a:close/>
                <a:moveTo>
                  <a:pt x="148924" y="206245"/>
                </a:moveTo>
                <a:lnTo>
                  <a:pt x="148924" y="260501"/>
                </a:lnTo>
                <a:lnTo>
                  <a:pt x="149946" y="260129"/>
                </a:lnTo>
                <a:cubicBezTo>
                  <a:pt x="163974" y="255112"/>
                  <a:pt x="174658" y="240805"/>
                  <a:pt x="181440" y="228077"/>
                </a:cubicBezTo>
                <a:cubicBezTo>
                  <a:pt x="184599" y="222132"/>
                  <a:pt x="187200" y="216000"/>
                  <a:pt x="189523" y="209683"/>
                </a:cubicBezTo>
                <a:lnTo>
                  <a:pt x="189801" y="208846"/>
                </a:lnTo>
                <a:lnTo>
                  <a:pt x="188872" y="208846"/>
                </a:lnTo>
                <a:cubicBezTo>
                  <a:pt x="175866" y="207267"/>
                  <a:pt x="162766" y="206431"/>
                  <a:pt x="149667" y="206245"/>
                </a:cubicBezTo>
                <a:lnTo>
                  <a:pt x="148924" y="206245"/>
                </a:lnTo>
                <a:close/>
                <a:moveTo>
                  <a:pt x="194725" y="192310"/>
                </a:moveTo>
                <a:lnTo>
                  <a:pt x="194911" y="191659"/>
                </a:lnTo>
                <a:cubicBezTo>
                  <a:pt x="198348" y="177631"/>
                  <a:pt x="200114" y="163231"/>
                  <a:pt x="200671" y="148738"/>
                </a:cubicBezTo>
                <a:lnTo>
                  <a:pt x="200671" y="147995"/>
                </a:lnTo>
                <a:lnTo>
                  <a:pt x="148924" y="147995"/>
                </a:lnTo>
                <a:lnTo>
                  <a:pt x="148924" y="189151"/>
                </a:lnTo>
                <a:lnTo>
                  <a:pt x="149667" y="189151"/>
                </a:lnTo>
                <a:cubicBezTo>
                  <a:pt x="164532" y="189430"/>
                  <a:pt x="179303" y="190452"/>
                  <a:pt x="194075" y="192217"/>
                </a:cubicBezTo>
                <a:lnTo>
                  <a:pt x="194725" y="192217"/>
                </a:lnTo>
                <a:close/>
                <a:moveTo>
                  <a:pt x="194725" y="86679"/>
                </a:moveTo>
                <a:lnTo>
                  <a:pt x="194075" y="86679"/>
                </a:lnTo>
                <a:cubicBezTo>
                  <a:pt x="179303" y="88258"/>
                  <a:pt x="164532" y="89187"/>
                  <a:pt x="149667" y="89373"/>
                </a:cubicBezTo>
                <a:lnTo>
                  <a:pt x="148924" y="89373"/>
                </a:lnTo>
                <a:lnTo>
                  <a:pt x="148924" y="131086"/>
                </a:lnTo>
                <a:lnTo>
                  <a:pt x="200671" y="131086"/>
                </a:lnTo>
                <a:lnTo>
                  <a:pt x="200671" y="130343"/>
                </a:lnTo>
                <a:cubicBezTo>
                  <a:pt x="200114" y="115850"/>
                  <a:pt x="198255" y="101450"/>
                  <a:pt x="194818" y="87329"/>
                </a:cubicBezTo>
                <a:lnTo>
                  <a:pt x="194632" y="86679"/>
                </a:lnTo>
                <a:close/>
                <a:moveTo>
                  <a:pt x="189801" y="70049"/>
                </a:moveTo>
                <a:lnTo>
                  <a:pt x="189523" y="69120"/>
                </a:lnTo>
                <a:cubicBezTo>
                  <a:pt x="187293" y="62895"/>
                  <a:pt x="184599" y="56764"/>
                  <a:pt x="181533" y="50911"/>
                </a:cubicBezTo>
                <a:cubicBezTo>
                  <a:pt x="174751" y="38183"/>
                  <a:pt x="164067" y="23876"/>
                  <a:pt x="150039" y="18859"/>
                </a:cubicBezTo>
                <a:lnTo>
                  <a:pt x="149017" y="18488"/>
                </a:lnTo>
                <a:lnTo>
                  <a:pt x="149017" y="72279"/>
                </a:lnTo>
                <a:lnTo>
                  <a:pt x="149760" y="72279"/>
                </a:lnTo>
                <a:cubicBezTo>
                  <a:pt x="162859" y="72093"/>
                  <a:pt x="175866" y="71350"/>
                  <a:pt x="188872" y="70049"/>
                </a:cubicBezTo>
                <a:lnTo>
                  <a:pt x="189801" y="70049"/>
                </a:lnTo>
                <a:close/>
                <a:moveTo>
                  <a:pt x="139541" y="0"/>
                </a:moveTo>
                <a:cubicBezTo>
                  <a:pt x="176702" y="0"/>
                  <a:pt x="211912" y="14586"/>
                  <a:pt x="238204" y="40877"/>
                </a:cubicBezTo>
                <a:cubicBezTo>
                  <a:pt x="264495" y="67169"/>
                  <a:pt x="279081" y="102379"/>
                  <a:pt x="279081" y="139541"/>
                </a:cubicBezTo>
                <a:cubicBezTo>
                  <a:pt x="279081" y="176702"/>
                  <a:pt x="264495" y="211912"/>
                  <a:pt x="238204" y="238204"/>
                </a:cubicBezTo>
                <a:cubicBezTo>
                  <a:pt x="211912" y="264496"/>
                  <a:pt x="176702" y="279081"/>
                  <a:pt x="139541" y="279081"/>
                </a:cubicBezTo>
                <a:cubicBezTo>
                  <a:pt x="102379" y="279081"/>
                  <a:pt x="67169" y="264496"/>
                  <a:pt x="40877" y="238204"/>
                </a:cubicBezTo>
                <a:cubicBezTo>
                  <a:pt x="14586" y="211912"/>
                  <a:pt x="0" y="176609"/>
                  <a:pt x="0" y="139541"/>
                </a:cubicBezTo>
                <a:cubicBezTo>
                  <a:pt x="0" y="102472"/>
                  <a:pt x="14586" y="67076"/>
                  <a:pt x="40877" y="40877"/>
                </a:cubicBezTo>
                <a:cubicBezTo>
                  <a:pt x="67076" y="14586"/>
                  <a:pt x="102379" y="0"/>
                  <a:pt x="139541" y="0"/>
                </a:cubicBezTo>
                <a:close/>
              </a:path>
            </a:pathLst>
          </a:custGeom>
          <a:solidFill>
            <a:srgbClr val="FFFFFF"/>
          </a:solidFill>
          <a:ln w="9286" cap="flat">
            <a:noFill/>
            <a:prstDash val="solid"/>
            <a:miter/>
          </a:ln>
        </p:spPr>
        <p:txBody>
          <a:bodyPr rtlCol="0" anchor="ctr"/>
          <a:lstStyle/>
          <a:p>
            <a:endParaRPr lang="en-GB"/>
          </a:p>
        </p:txBody>
      </p:sp>
      <p:sp>
        <p:nvSpPr>
          <p:cNvPr id="11" name="Rectangle 10">
            <a:hlinkClick r:id="rId7"/>
            <a:extLst>
              <a:ext uri="{FF2B5EF4-FFF2-40B4-BE49-F238E27FC236}">
                <a16:creationId xmlns:a16="http://schemas.microsoft.com/office/drawing/2014/main" id="{A7ADEB60-8AC0-B283-1EC1-415DCCA707F3}"/>
              </a:ext>
            </a:extLst>
          </p:cNvPr>
          <p:cNvSpPr>
            <a:spLocks/>
          </p:cNvSpPr>
          <p:nvPr userDrawn="1"/>
        </p:nvSpPr>
        <p:spPr>
          <a:xfrm>
            <a:off x="11216908" y="5691221"/>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Rectangle 11">
            <a:hlinkClick r:id="rId8"/>
            <a:extLst>
              <a:ext uri="{FF2B5EF4-FFF2-40B4-BE49-F238E27FC236}">
                <a16:creationId xmlns:a16="http://schemas.microsoft.com/office/drawing/2014/main" id="{176E0579-77F6-4AAA-B0AE-902E2F103EC8}"/>
              </a:ext>
            </a:extLst>
          </p:cNvPr>
          <p:cNvSpPr>
            <a:spLocks/>
          </p:cNvSpPr>
          <p:nvPr userDrawn="1"/>
        </p:nvSpPr>
        <p:spPr>
          <a:xfrm>
            <a:off x="10161756"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Rectangle 12">
            <a:hlinkClick r:id="rId9"/>
            <a:extLst>
              <a:ext uri="{FF2B5EF4-FFF2-40B4-BE49-F238E27FC236}">
                <a16:creationId xmlns:a16="http://schemas.microsoft.com/office/drawing/2014/main" id="{203AC37E-0D2C-7BFD-0B00-1B0EF5EDCAA2}"/>
              </a:ext>
            </a:extLst>
          </p:cNvPr>
          <p:cNvSpPr>
            <a:spLocks/>
          </p:cNvSpPr>
          <p:nvPr userDrawn="1"/>
        </p:nvSpPr>
        <p:spPr>
          <a:xfrm>
            <a:off x="10699761"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Rectangle 14">
            <a:hlinkClick r:id="rId10"/>
            <a:extLst>
              <a:ext uri="{FF2B5EF4-FFF2-40B4-BE49-F238E27FC236}">
                <a16:creationId xmlns:a16="http://schemas.microsoft.com/office/drawing/2014/main" id="{307239C6-73A2-F953-B80A-5A2C581AB262}"/>
              </a:ext>
            </a:extLst>
          </p:cNvPr>
          <p:cNvSpPr>
            <a:spLocks/>
          </p:cNvSpPr>
          <p:nvPr userDrawn="1"/>
        </p:nvSpPr>
        <p:spPr>
          <a:xfrm>
            <a:off x="9623751" y="5691220"/>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2142739435"/>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976" userDrawn="1">
          <p15:clr>
            <a:srgbClr val="FF96FF"/>
          </p15:clr>
        </p15:guide>
        <p15:guide id="4" orient="horz" pos="3344" userDrawn="1">
          <p15:clr>
            <a:srgbClr val="FF96FF"/>
          </p15:clr>
        </p15:guide>
        <p15:guide id="5" orient="horz" pos="3976" userDrawn="1">
          <p15:clr>
            <a:srgbClr val="8F8F8F"/>
          </p15:clr>
        </p15:guide>
        <p15:guide id="6" orient="horz" pos="4208" userDrawn="1">
          <p15:clr>
            <a:srgbClr val="8F8F8F"/>
          </p15:clr>
        </p15:guide>
        <p15:guide id="7" pos="290" userDrawn="1">
          <p15:clr>
            <a:srgbClr val="FF96FF"/>
          </p15:clr>
        </p15:guide>
        <p15:guide id="8" pos="7389"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End Slide_White">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2DF84161-4046-39C2-5268-7DC194063003}"/>
              </a:ext>
            </a:extLst>
          </p:cNvPr>
          <p:cNvPicPr>
            <a:picLocks noGrp="1" noRot="1" noChangeAspect="1" noMove="1" noResize="1" noEditPoints="1" noAdjustHandles="1" noChangeArrowheads="1" noChangeShapeType="1" noCrop="1"/>
          </p:cNvPicPr>
          <p:nvPr userDrawn="1"/>
        </p:nvPicPr>
        <p:blipFill rotWithShape="1">
          <a:blip r:embed="rId3">
            <a:extLst>
              <a:ext uri="{96DAC541-7B7A-43D3-8B79-37D633B846F1}">
                <asvg:svgBlip xmlns:asvg="http://schemas.microsoft.com/office/drawing/2016/SVG/main" r:embed="rId4"/>
              </a:ext>
            </a:extLst>
          </a:blip>
          <a:srcRect r="20548"/>
          <a:stretch/>
        </p:blipFill>
        <p:spPr>
          <a:xfrm>
            <a:off x="6198290" y="0"/>
            <a:ext cx="5993710" cy="6858000"/>
          </a:xfrm>
          <a:prstGeom prst="rect">
            <a:avLst/>
          </a:prstGeom>
        </p:spPr>
      </p:pic>
      <p:pic>
        <p:nvPicPr>
          <p:cNvPr id="18" name="Graphic 17">
            <a:extLst>
              <a:ext uri="{FF2B5EF4-FFF2-40B4-BE49-F238E27FC236}">
                <a16:creationId xmlns:a16="http://schemas.microsoft.com/office/drawing/2014/main" id="{B4F6E2DD-2512-4790-3762-08451DD5B1DC}"/>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689250" y="1081860"/>
            <a:ext cx="3420000" cy="433879"/>
          </a:xfrm>
          <a:prstGeom prst="rect">
            <a:avLst/>
          </a:prstGeom>
        </p:spPr>
      </p:pic>
      <p:sp>
        <p:nvSpPr>
          <p:cNvPr id="12" name="Guides" hidden="1">
            <a:extLst>
              <a:ext uri="{FF2B5EF4-FFF2-40B4-BE49-F238E27FC236}">
                <a16:creationId xmlns:a16="http://schemas.microsoft.com/office/drawing/2014/main" id="{8FC47DC6-9EFA-BE77-5D21-29976315FD8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3" name="Footer Placeholder 4">
            <a:extLst>
              <a:ext uri="{FF2B5EF4-FFF2-40B4-BE49-F238E27FC236}">
                <a16:creationId xmlns:a16="http://schemas.microsoft.com/office/drawing/2014/main" id="{8D0DFD94-BDC6-769E-2D21-A86D7B7BE24C}"/>
              </a:ext>
            </a:extLst>
          </p:cNvPr>
          <p:cNvSpPr>
            <a:spLocks noGrp="1"/>
          </p:cNvSpPr>
          <p:nvPr>
            <p:ph type="ftr" sz="quarter" idx="11"/>
          </p:nvPr>
        </p:nvSpPr>
        <p:spPr>
          <a:xfrm>
            <a:off x="689250" y="5694475"/>
            <a:ext cx="2191110" cy="365125"/>
          </a:xfrm>
        </p:spPr>
        <p:txBody>
          <a:bodyPr/>
          <a:lstStyle>
            <a:lvl1pPr>
              <a:defRPr>
                <a:solidFill>
                  <a:srgbClr val="EBE4F3"/>
                </a:solidFill>
              </a:defRPr>
            </a:lvl1pPr>
          </a:lstStyle>
          <a:p>
            <a:r>
              <a:rPr lang="en-GB" dirty="0">
                <a:latin typeface="Avenir Next LT Pro" panose="020B0504020202020204" pitchFamily="34" charset="0"/>
              </a:rPr>
              <a:t>Transforming Lives.</a:t>
            </a:r>
          </a:p>
        </p:txBody>
      </p:sp>
      <p:sp>
        <p:nvSpPr>
          <p:cNvPr id="5" name="Freeform: Shape 4">
            <a:extLst>
              <a:ext uri="{FF2B5EF4-FFF2-40B4-BE49-F238E27FC236}">
                <a16:creationId xmlns:a16="http://schemas.microsoft.com/office/drawing/2014/main" id="{3E030340-0453-F1B2-EF64-BDB3D3DAFF8D}"/>
              </a:ext>
            </a:extLst>
          </p:cNvPr>
          <p:cNvSpPr/>
          <p:nvPr userDrawn="1"/>
        </p:nvSpPr>
        <p:spPr>
          <a:xfrm>
            <a:off x="10791127" y="5732152"/>
            <a:ext cx="154126" cy="286234"/>
          </a:xfrm>
          <a:custGeom>
            <a:avLst/>
            <a:gdLst>
              <a:gd name="connsiteX0" fmla="*/ 154126 w 154126"/>
              <a:gd name="connsiteY0" fmla="*/ 50539 h 286234"/>
              <a:gd name="connsiteX1" fmla="*/ 154126 w 154126"/>
              <a:gd name="connsiteY1" fmla="*/ 0 h 286234"/>
              <a:gd name="connsiteX2" fmla="*/ 109440 w 154126"/>
              <a:gd name="connsiteY2" fmla="*/ 0 h 286234"/>
              <a:gd name="connsiteX3" fmla="*/ 45337 w 154126"/>
              <a:gd name="connsiteY3" fmla="*/ 64103 h 286234"/>
              <a:gd name="connsiteX4" fmla="*/ 45337 w 154126"/>
              <a:gd name="connsiteY4" fmla="*/ 110276 h 286234"/>
              <a:gd name="connsiteX5" fmla="*/ 0 w 154126"/>
              <a:gd name="connsiteY5" fmla="*/ 110276 h 286234"/>
              <a:gd name="connsiteX6" fmla="*/ 0 w 154126"/>
              <a:gd name="connsiteY6" fmla="*/ 163045 h 286234"/>
              <a:gd name="connsiteX7" fmla="*/ 45337 w 154126"/>
              <a:gd name="connsiteY7" fmla="*/ 163045 h 286234"/>
              <a:gd name="connsiteX8" fmla="*/ 45337 w 154126"/>
              <a:gd name="connsiteY8" fmla="*/ 286235 h 286234"/>
              <a:gd name="connsiteX9" fmla="*/ 100707 w 154126"/>
              <a:gd name="connsiteY9" fmla="*/ 286235 h 286234"/>
              <a:gd name="connsiteX10" fmla="*/ 100707 w 154126"/>
              <a:gd name="connsiteY10" fmla="*/ 162209 h 286234"/>
              <a:gd name="connsiteX11" fmla="*/ 142142 w 154126"/>
              <a:gd name="connsiteY11" fmla="*/ 162209 h 286234"/>
              <a:gd name="connsiteX12" fmla="*/ 150039 w 154126"/>
              <a:gd name="connsiteY12" fmla="*/ 109905 h 286234"/>
              <a:gd name="connsiteX13" fmla="*/ 100614 w 154126"/>
              <a:gd name="connsiteY13" fmla="*/ 109905 h 286234"/>
              <a:gd name="connsiteX14" fmla="*/ 100614 w 154126"/>
              <a:gd name="connsiteY14" fmla="*/ 72650 h 286234"/>
              <a:gd name="connsiteX15" fmla="*/ 122725 w 154126"/>
              <a:gd name="connsiteY15" fmla="*/ 50539 h 286234"/>
              <a:gd name="connsiteX16" fmla="*/ 153941 w 154126"/>
              <a:gd name="connsiteY16" fmla="*/ 50539 h 2862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54126" h="286234">
                <a:moveTo>
                  <a:pt x="154126" y="50539"/>
                </a:moveTo>
                <a:lnTo>
                  <a:pt x="154126" y="0"/>
                </a:lnTo>
                <a:lnTo>
                  <a:pt x="109440" y="0"/>
                </a:lnTo>
                <a:cubicBezTo>
                  <a:pt x="74044" y="0"/>
                  <a:pt x="45337" y="28707"/>
                  <a:pt x="45337" y="64103"/>
                </a:cubicBezTo>
                <a:lnTo>
                  <a:pt x="45337" y="110276"/>
                </a:lnTo>
                <a:lnTo>
                  <a:pt x="0" y="110276"/>
                </a:lnTo>
                <a:lnTo>
                  <a:pt x="0" y="163045"/>
                </a:lnTo>
                <a:lnTo>
                  <a:pt x="45337" y="163045"/>
                </a:lnTo>
                <a:lnTo>
                  <a:pt x="45337" y="286235"/>
                </a:lnTo>
                <a:lnTo>
                  <a:pt x="100707" y="286235"/>
                </a:lnTo>
                <a:lnTo>
                  <a:pt x="100707" y="162209"/>
                </a:lnTo>
                <a:lnTo>
                  <a:pt x="142142" y="162209"/>
                </a:lnTo>
                <a:lnTo>
                  <a:pt x="150039" y="109905"/>
                </a:lnTo>
                <a:lnTo>
                  <a:pt x="100614" y="109905"/>
                </a:lnTo>
                <a:lnTo>
                  <a:pt x="100614" y="72650"/>
                </a:lnTo>
                <a:cubicBezTo>
                  <a:pt x="100614" y="60480"/>
                  <a:pt x="110555" y="50539"/>
                  <a:pt x="122725" y="50539"/>
                </a:cubicBezTo>
                <a:lnTo>
                  <a:pt x="153941" y="50539"/>
                </a:lnTo>
                <a:close/>
              </a:path>
            </a:pathLst>
          </a:custGeom>
          <a:solidFill>
            <a:schemeClr val="accent1"/>
          </a:solidFill>
          <a:ln w="9286" cap="flat">
            <a:noFill/>
            <a:prstDash val="solid"/>
            <a:miter/>
          </a:ln>
        </p:spPr>
        <p:txBody>
          <a:bodyPr rtlCol="0" anchor="ctr"/>
          <a:lstStyle/>
          <a:p>
            <a:endParaRPr lang="en-GB"/>
          </a:p>
        </p:txBody>
      </p:sp>
      <p:grpSp>
        <p:nvGrpSpPr>
          <p:cNvPr id="6" name="Graphic 7">
            <a:extLst>
              <a:ext uri="{FF2B5EF4-FFF2-40B4-BE49-F238E27FC236}">
                <a16:creationId xmlns:a16="http://schemas.microsoft.com/office/drawing/2014/main" id="{DA146EC6-E499-1137-E7A1-8A13EFE63155}"/>
              </a:ext>
            </a:extLst>
          </p:cNvPr>
          <p:cNvGrpSpPr/>
          <p:nvPr userDrawn="1"/>
        </p:nvGrpSpPr>
        <p:grpSpPr>
          <a:xfrm>
            <a:off x="10204998" y="5742513"/>
            <a:ext cx="270255" cy="270905"/>
            <a:chOff x="10224422" y="5738425"/>
            <a:chExt cx="270255" cy="270905"/>
          </a:xfrm>
          <a:solidFill>
            <a:schemeClr val="accent1"/>
          </a:solidFill>
        </p:grpSpPr>
        <p:sp>
          <p:nvSpPr>
            <p:cNvPr id="7" name="Freeform: Shape 6">
              <a:extLst>
                <a:ext uri="{FF2B5EF4-FFF2-40B4-BE49-F238E27FC236}">
                  <a16:creationId xmlns:a16="http://schemas.microsoft.com/office/drawing/2014/main" id="{69D7B694-BF95-F565-92FB-586A8929FADF}"/>
                </a:ext>
              </a:extLst>
            </p:cNvPr>
            <p:cNvSpPr/>
            <p:nvPr/>
          </p:nvSpPr>
          <p:spPr>
            <a:xfrm>
              <a:off x="10228882" y="5830771"/>
              <a:ext cx="54069" cy="178467"/>
            </a:xfrm>
            <a:custGeom>
              <a:avLst/>
              <a:gdLst>
                <a:gd name="connsiteX0" fmla="*/ 0 w 54069"/>
                <a:gd name="connsiteY0" fmla="*/ 0 h 178467"/>
                <a:gd name="connsiteX1" fmla="*/ 54070 w 54069"/>
                <a:gd name="connsiteY1" fmla="*/ 0 h 178467"/>
                <a:gd name="connsiteX2" fmla="*/ 54070 w 54069"/>
                <a:gd name="connsiteY2" fmla="*/ 178467 h 178467"/>
                <a:gd name="connsiteX3" fmla="*/ 0 w 54069"/>
                <a:gd name="connsiteY3" fmla="*/ 178467 h 178467"/>
                <a:gd name="connsiteX4" fmla="*/ 0 w 54069"/>
                <a:gd name="connsiteY4" fmla="*/ 0 h 17846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069" h="178467">
                  <a:moveTo>
                    <a:pt x="0" y="0"/>
                  </a:moveTo>
                  <a:lnTo>
                    <a:pt x="54070" y="0"/>
                  </a:lnTo>
                  <a:lnTo>
                    <a:pt x="54070" y="178467"/>
                  </a:lnTo>
                  <a:lnTo>
                    <a:pt x="0" y="178467"/>
                  </a:lnTo>
                  <a:lnTo>
                    <a:pt x="0" y="0"/>
                  </a:lnTo>
                  <a:close/>
                </a:path>
              </a:pathLst>
            </a:custGeom>
            <a:grpFill/>
            <a:ln w="9286" cap="flat">
              <a:noFill/>
              <a:prstDash val="solid"/>
              <a:miter/>
            </a:ln>
          </p:spPr>
          <p:txBody>
            <a:bodyPr rtlCol="0" anchor="ctr"/>
            <a:lstStyle/>
            <a:p>
              <a:endParaRPr lang="en-GB"/>
            </a:p>
          </p:txBody>
        </p:sp>
        <p:sp>
          <p:nvSpPr>
            <p:cNvPr id="8" name="Freeform: Shape 7">
              <a:extLst>
                <a:ext uri="{FF2B5EF4-FFF2-40B4-BE49-F238E27FC236}">
                  <a16:creationId xmlns:a16="http://schemas.microsoft.com/office/drawing/2014/main" id="{F50EC68E-0D4B-0CF1-F4A2-433AF2592EFF}"/>
                </a:ext>
              </a:extLst>
            </p:cNvPr>
            <p:cNvSpPr/>
            <p:nvPr/>
          </p:nvSpPr>
          <p:spPr>
            <a:xfrm>
              <a:off x="10318348" y="5822781"/>
              <a:ext cx="176330" cy="186549"/>
            </a:xfrm>
            <a:custGeom>
              <a:avLst/>
              <a:gdLst>
                <a:gd name="connsiteX0" fmla="*/ 464 w 176330"/>
                <a:gd name="connsiteY0" fmla="*/ 63360 h 186549"/>
                <a:gd name="connsiteX1" fmla="*/ 0 w 176330"/>
                <a:gd name="connsiteY1" fmla="*/ 5295 h 186549"/>
                <a:gd name="connsiteX2" fmla="*/ 52397 w 176330"/>
                <a:gd name="connsiteY2" fmla="*/ 5295 h 186549"/>
                <a:gd name="connsiteX3" fmla="*/ 54441 w 176330"/>
                <a:gd name="connsiteY3" fmla="*/ 31401 h 186549"/>
                <a:gd name="connsiteX4" fmla="*/ 118916 w 176330"/>
                <a:gd name="connsiteY4" fmla="*/ 0 h 186549"/>
                <a:gd name="connsiteX5" fmla="*/ 176330 w 176330"/>
                <a:gd name="connsiteY5" fmla="*/ 87515 h 186549"/>
                <a:gd name="connsiteX6" fmla="*/ 176330 w 176330"/>
                <a:gd name="connsiteY6" fmla="*/ 186550 h 186549"/>
                <a:gd name="connsiteX7" fmla="*/ 122261 w 176330"/>
                <a:gd name="connsiteY7" fmla="*/ 186550 h 186549"/>
                <a:gd name="connsiteX8" fmla="*/ 122261 w 176330"/>
                <a:gd name="connsiteY8" fmla="*/ 93739 h 186549"/>
                <a:gd name="connsiteX9" fmla="*/ 93739 w 176330"/>
                <a:gd name="connsiteY9" fmla="*/ 47288 h 186549"/>
                <a:gd name="connsiteX10" fmla="*/ 54441 w 176330"/>
                <a:gd name="connsiteY10" fmla="*/ 107117 h 186549"/>
                <a:gd name="connsiteX11" fmla="*/ 54441 w 176330"/>
                <a:gd name="connsiteY11" fmla="*/ 186550 h 186549"/>
                <a:gd name="connsiteX12" fmla="*/ 372 w 176330"/>
                <a:gd name="connsiteY12" fmla="*/ 186550 h 186549"/>
                <a:gd name="connsiteX13" fmla="*/ 372 w 176330"/>
                <a:gd name="connsiteY13" fmla="*/ 63360 h 186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6330" h="186549">
                  <a:moveTo>
                    <a:pt x="464" y="63360"/>
                  </a:moveTo>
                  <a:cubicBezTo>
                    <a:pt x="464" y="44594"/>
                    <a:pt x="464" y="21832"/>
                    <a:pt x="0" y="5295"/>
                  </a:cubicBezTo>
                  <a:lnTo>
                    <a:pt x="52397" y="5295"/>
                  </a:lnTo>
                  <a:cubicBezTo>
                    <a:pt x="53605" y="11241"/>
                    <a:pt x="54255" y="24526"/>
                    <a:pt x="54441" y="31401"/>
                  </a:cubicBezTo>
                  <a:cubicBezTo>
                    <a:pt x="62338" y="16072"/>
                    <a:pt x="79246" y="0"/>
                    <a:pt x="118916" y="0"/>
                  </a:cubicBezTo>
                  <a:cubicBezTo>
                    <a:pt x="162209" y="0"/>
                    <a:pt x="176330" y="31308"/>
                    <a:pt x="176330" y="87515"/>
                  </a:cubicBezTo>
                  <a:lnTo>
                    <a:pt x="176330" y="186550"/>
                  </a:lnTo>
                  <a:lnTo>
                    <a:pt x="122261" y="186550"/>
                  </a:lnTo>
                  <a:lnTo>
                    <a:pt x="122261" y="93739"/>
                  </a:lnTo>
                  <a:cubicBezTo>
                    <a:pt x="122261" y="66519"/>
                    <a:pt x="111391" y="47288"/>
                    <a:pt x="93739" y="47288"/>
                  </a:cubicBezTo>
                  <a:cubicBezTo>
                    <a:pt x="63267" y="47288"/>
                    <a:pt x="54441" y="66705"/>
                    <a:pt x="54441" y="107117"/>
                  </a:cubicBezTo>
                  <a:lnTo>
                    <a:pt x="54441" y="186550"/>
                  </a:lnTo>
                  <a:lnTo>
                    <a:pt x="372" y="186550"/>
                  </a:lnTo>
                  <a:lnTo>
                    <a:pt x="372" y="63360"/>
                  </a:lnTo>
                  <a:close/>
                </a:path>
              </a:pathLst>
            </a:custGeom>
            <a:grpFill/>
            <a:ln w="9286" cap="flat">
              <a:noFill/>
              <a:prstDash val="solid"/>
              <a:miter/>
            </a:ln>
          </p:spPr>
          <p:txBody>
            <a:bodyPr rtlCol="0" anchor="ctr"/>
            <a:lstStyle/>
            <a:p>
              <a:endParaRPr lang="en-GB"/>
            </a:p>
          </p:txBody>
        </p:sp>
        <p:sp>
          <p:nvSpPr>
            <p:cNvPr id="9" name="Freeform: Shape 8">
              <a:extLst>
                <a:ext uri="{FF2B5EF4-FFF2-40B4-BE49-F238E27FC236}">
                  <a16:creationId xmlns:a16="http://schemas.microsoft.com/office/drawing/2014/main" id="{7D9452C7-0494-B37C-783A-8B394A5D3855}"/>
                </a:ext>
              </a:extLst>
            </p:cNvPr>
            <p:cNvSpPr/>
            <p:nvPr/>
          </p:nvSpPr>
          <p:spPr>
            <a:xfrm>
              <a:off x="10224422" y="5738425"/>
              <a:ext cx="62988" cy="62988"/>
            </a:xfrm>
            <a:custGeom>
              <a:avLst/>
              <a:gdLst>
                <a:gd name="connsiteX0" fmla="*/ 62988 w 62988"/>
                <a:gd name="connsiteY0" fmla="*/ 31494 h 62988"/>
                <a:gd name="connsiteX1" fmla="*/ 31494 w 62988"/>
                <a:gd name="connsiteY1" fmla="*/ 62988 h 62988"/>
                <a:gd name="connsiteX2" fmla="*/ 0 w 62988"/>
                <a:gd name="connsiteY2" fmla="*/ 31494 h 62988"/>
                <a:gd name="connsiteX3" fmla="*/ 31494 w 62988"/>
                <a:gd name="connsiteY3" fmla="*/ 0 h 62988"/>
                <a:gd name="connsiteX4" fmla="*/ 62988 w 62988"/>
                <a:gd name="connsiteY4" fmla="*/ 31494 h 6298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988" h="62988">
                  <a:moveTo>
                    <a:pt x="62988" y="31494"/>
                  </a:moveTo>
                  <a:cubicBezTo>
                    <a:pt x="62988" y="48888"/>
                    <a:pt x="48888" y="62988"/>
                    <a:pt x="31494" y="62988"/>
                  </a:cubicBezTo>
                  <a:cubicBezTo>
                    <a:pt x="14100" y="62988"/>
                    <a:pt x="0" y="48888"/>
                    <a:pt x="0" y="31494"/>
                  </a:cubicBezTo>
                  <a:cubicBezTo>
                    <a:pt x="0" y="14100"/>
                    <a:pt x="14100" y="0"/>
                    <a:pt x="31494" y="0"/>
                  </a:cubicBezTo>
                  <a:cubicBezTo>
                    <a:pt x="48888" y="0"/>
                    <a:pt x="62988" y="14100"/>
                    <a:pt x="62988" y="31494"/>
                  </a:cubicBezTo>
                  <a:close/>
                </a:path>
              </a:pathLst>
            </a:custGeom>
            <a:grpFill/>
            <a:ln w="9286" cap="flat">
              <a:noFill/>
              <a:prstDash val="solid"/>
              <a:miter/>
            </a:ln>
          </p:spPr>
          <p:txBody>
            <a:bodyPr rtlCol="0" anchor="ctr"/>
            <a:lstStyle/>
            <a:p>
              <a:endParaRPr lang="en-GB"/>
            </a:p>
          </p:txBody>
        </p:sp>
      </p:grpSp>
      <p:sp>
        <p:nvSpPr>
          <p:cNvPr id="10" name="Freeform: Shape 9">
            <a:extLst>
              <a:ext uri="{FF2B5EF4-FFF2-40B4-BE49-F238E27FC236}">
                <a16:creationId xmlns:a16="http://schemas.microsoft.com/office/drawing/2014/main" id="{4BF00146-9A25-082A-9A64-1BB98C0375F6}"/>
              </a:ext>
            </a:extLst>
          </p:cNvPr>
          <p:cNvSpPr/>
          <p:nvPr userDrawn="1"/>
        </p:nvSpPr>
        <p:spPr>
          <a:xfrm>
            <a:off x="11251091" y="5770474"/>
            <a:ext cx="288371" cy="206616"/>
          </a:xfrm>
          <a:custGeom>
            <a:avLst/>
            <a:gdLst>
              <a:gd name="connsiteX0" fmla="*/ 223804 w 288371"/>
              <a:gd name="connsiteY0" fmla="*/ 0 h 206616"/>
              <a:gd name="connsiteX1" fmla="*/ 64568 w 288371"/>
              <a:gd name="connsiteY1" fmla="*/ 0 h 206616"/>
              <a:gd name="connsiteX2" fmla="*/ 0 w 288371"/>
              <a:gd name="connsiteY2" fmla="*/ 64568 h 206616"/>
              <a:gd name="connsiteX3" fmla="*/ 0 w 288371"/>
              <a:gd name="connsiteY3" fmla="*/ 142049 h 206616"/>
              <a:gd name="connsiteX4" fmla="*/ 64568 w 288371"/>
              <a:gd name="connsiteY4" fmla="*/ 206617 h 206616"/>
              <a:gd name="connsiteX5" fmla="*/ 223804 w 288371"/>
              <a:gd name="connsiteY5" fmla="*/ 206617 h 206616"/>
              <a:gd name="connsiteX6" fmla="*/ 288372 w 288371"/>
              <a:gd name="connsiteY6" fmla="*/ 142049 h 206616"/>
              <a:gd name="connsiteX7" fmla="*/ 288372 w 288371"/>
              <a:gd name="connsiteY7" fmla="*/ 64568 h 206616"/>
              <a:gd name="connsiteX8" fmla="*/ 223804 w 288371"/>
              <a:gd name="connsiteY8" fmla="*/ 0 h 206616"/>
              <a:gd name="connsiteX9" fmla="*/ 153012 w 288371"/>
              <a:gd name="connsiteY9" fmla="*/ 126999 h 206616"/>
              <a:gd name="connsiteX10" fmla="*/ 113899 w 288371"/>
              <a:gd name="connsiteY10" fmla="*/ 150689 h 206616"/>
              <a:gd name="connsiteX11" fmla="*/ 113899 w 288371"/>
              <a:gd name="connsiteY11" fmla="*/ 56021 h 206616"/>
              <a:gd name="connsiteX12" fmla="*/ 153012 w 288371"/>
              <a:gd name="connsiteY12" fmla="*/ 79711 h 206616"/>
              <a:gd name="connsiteX13" fmla="*/ 192124 w 288371"/>
              <a:gd name="connsiteY13" fmla="*/ 103401 h 206616"/>
              <a:gd name="connsiteX14" fmla="*/ 153012 w 288371"/>
              <a:gd name="connsiteY14" fmla="*/ 127092 h 2066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88371" h="206616">
                <a:moveTo>
                  <a:pt x="223804" y="0"/>
                </a:moveTo>
                <a:lnTo>
                  <a:pt x="64568" y="0"/>
                </a:lnTo>
                <a:cubicBezTo>
                  <a:pt x="28893" y="0"/>
                  <a:pt x="0" y="28893"/>
                  <a:pt x="0" y="64568"/>
                </a:cubicBezTo>
                <a:lnTo>
                  <a:pt x="0" y="142049"/>
                </a:lnTo>
                <a:cubicBezTo>
                  <a:pt x="0" y="177724"/>
                  <a:pt x="28893" y="206617"/>
                  <a:pt x="64568" y="206617"/>
                </a:cubicBezTo>
                <a:lnTo>
                  <a:pt x="223804" y="206617"/>
                </a:lnTo>
                <a:cubicBezTo>
                  <a:pt x="259479" y="206617"/>
                  <a:pt x="288372" y="177724"/>
                  <a:pt x="288372" y="142049"/>
                </a:cubicBezTo>
                <a:lnTo>
                  <a:pt x="288372" y="64568"/>
                </a:lnTo>
                <a:cubicBezTo>
                  <a:pt x="288372" y="28893"/>
                  <a:pt x="259479" y="0"/>
                  <a:pt x="223804" y="0"/>
                </a:cubicBezTo>
                <a:close/>
                <a:moveTo>
                  <a:pt x="153012" y="126999"/>
                </a:moveTo>
                <a:lnTo>
                  <a:pt x="113899" y="150689"/>
                </a:lnTo>
                <a:lnTo>
                  <a:pt x="113899" y="56021"/>
                </a:lnTo>
                <a:lnTo>
                  <a:pt x="153012" y="79711"/>
                </a:lnTo>
                <a:lnTo>
                  <a:pt x="192124" y="103401"/>
                </a:lnTo>
                <a:lnTo>
                  <a:pt x="153012" y="127092"/>
                </a:lnTo>
                <a:close/>
              </a:path>
            </a:pathLst>
          </a:custGeom>
          <a:solidFill>
            <a:schemeClr val="accent1"/>
          </a:solidFill>
          <a:ln w="9286"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AB63CD17-EEA8-9F4C-890B-BF82F648F3B6}"/>
              </a:ext>
            </a:extLst>
          </p:cNvPr>
          <p:cNvSpPr/>
          <p:nvPr userDrawn="1"/>
        </p:nvSpPr>
        <p:spPr>
          <a:xfrm>
            <a:off x="9659014" y="5734337"/>
            <a:ext cx="279081" cy="279081"/>
          </a:xfrm>
          <a:custGeom>
            <a:avLst/>
            <a:gdLst>
              <a:gd name="connsiteX0" fmla="*/ 33352 w 279081"/>
              <a:gd name="connsiteY0" fmla="*/ 78410 h 279081"/>
              <a:gd name="connsiteX1" fmla="*/ 33074 w 279081"/>
              <a:gd name="connsiteY1" fmla="*/ 78875 h 279081"/>
              <a:gd name="connsiteX2" fmla="*/ 17373 w 279081"/>
              <a:gd name="connsiteY2" fmla="*/ 130157 h 279081"/>
              <a:gd name="connsiteX3" fmla="*/ 17373 w 279081"/>
              <a:gd name="connsiteY3" fmla="*/ 130994 h 279081"/>
              <a:gd name="connsiteX4" fmla="*/ 61409 w 279081"/>
              <a:gd name="connsiteY4" fmla="*/ 130994 h 279081"/>
              <a:gd name="connsiteX5" fmla="*/ 61409 w 279081"/>
              <a:gd name="connsiteY5" fmla="*/ 130250 h 279081"/>
              <a:gd name="connsiteX6" fmla="*/ 67355 w 279081"/>
              <a:gd name="connsiteY6" fmla="*/ 85006 h 279081"/>
              <a:gd name="connsiteX7" fmla="*/ 67541 w 279081"/>
              <a:gd name="connsiteY7" fmla="*/ 84263 h 279081"/>
              <a:gd name="connsiteX8" fmla="*/ 66705 w 279081"/>
              <a:gd name="connsiteY8" fmla="*/ 84263 h 279081"/>
              <a:gd name="connsiteX9" fmla="*/ 33817 w 279081"/>
              <a:gd name="connsiteY9" fmla="*/ 78596 h 279081"/>
              <a:gd name="connsiteX10" fmla="*/ 33259 w 279081"/>
              <a:gd name="connsiteY10" fmla="*/ 78596 h 279081"/>
              <a:gd name="connsiteX11" fmla="*/ 211634 w 279081"/>
              <a:gd name="connsiteY11" fmla="*/ 84356 h 279081"/>
              <a:gd name="connsiteX12" fmla="*/ 211819 w 279081"/>
              <a:gd name="connsiteY12" fmla="*/ 85099 h 279081"/>
              <a:gd name="connsiteX13" fmla="*/ 217672 w 279081"/>
              <a:gd name="connsiteY13" fmla="*/ 130065 h 279081"/>
              <a:gd name="connsiteX14" fmla="*/ 217672 w 279081"/>
              <a:gd name="connsiteY14" fmla="*/ 130808 h 279081"/>
              <a:gd name="connsiteX15" fmla="*/ 261708 w 279081"/>
              <a:gd name="connsiteY15" fmla="*/ 130808 h 279081"/>
              <a:gd name="connsiteX16" fmla="*/ 261708 w 279081"/>
              <a:gd name="connsiteY16" fmla="*/ 129972 h 279081"/>
              <a:gd name="connsiteX17" fmla="*/ 246008 w 279081"/>
              <a:gd name="connsiteY17" fmla="*/ 78782 h 279081"/>
              <a:gd name="connsiteX18" fmla="*/ 245729 w 279081"/>
              <a:gd name="connsiteY18" fmla="*/ 78317 h 279081"/>
              <a:gd name="connsiteX19" fmla="*/ 245172 w 279081"/>
              <a:gd name="connsiteY19" fmla="*/ 78317 h 279081"/>
              <a:gd name="connsiteX20" fmla="*/ 212377 w 279081"/>
              <a:gd name="connsiteY20" fmla="*/ 84170 h 279081"/>
              <a:gd name="connsiteX21" fmla="*/ 211541 w 279081"/>
              <a:gd name="connsiteY21" fmla="*/ 84170 h 279081"/>
              <a:gd name="connsiteX22" fmla="*/ 185528 w 279081"/>
              <a:gd name="connsiteY22" fmla="*/ 25920 h 279081"/>
              <a:gd name="connsiteX23" fmla="*/ 187107 w 279081"/>
              <a:gd name="connsiteY23" fmla="*/ 28150 h 279081"/>
              <a:gd name="connsiteX24" fmla="*/ 196304 w 279081"/>
              <a:gd name="connsiteY24" fmla="*/ 42921 h 279081"/>
              <a:gd name="connsiteX25" fmla="*/ 206710 w 279081"/>
              <a:gd name="connsiteY25" fmla="*/ 67448 h 279081"/>
              <a:gd name="connsiteX26" fmla="*/ 206895 w 279081"/>
              <a:gd name="connsiteY26" fmla="*/ 68005 h 279081"/>
              <a:gd name="connsiteX27" fmla="*/ 207546 w 279081"/>
              <a:gd name="connsiteY27" fmla="*/ 68005 h 279081"/>
              <a:gd name="connsiteX28" fmla="*/ 234209 w 279081"/>
              <a:gd name="connsiteY28" fmla="*/ 63546 h 279081"/>
              <a:gd name="connsiteX29" fmla="*/ 235417 w 279081"/>
              <a:gd name="connsiteY29" fmla="*/ 63267 h 279081"/>
              <a:gd name="connsiteX30" fmla="*/ 234674 w 279081"/>
              <a:gd name="connsiteY30" fmla="*/ 62338 h 279081"/>
              <a:gd name="connsiteX31" fmla="*/ 226219 w 279081"/>
              <a:gd name="connsiteY31" fmla="*/ 52955 h 279081"/>
              <a:gd name="connsiteX32" fmla="*/ 188129 w 279081"/>
              <a:gd name="connsiteY32" fmla="*/ 27035 h 279081"/>
              <a:gd name="connsiteX33" fmla="*/ 185621 w 279081"/>
              <a:gd name="connsiteY33" fmla="*/ 25920 h 279081"/>
              <a:gd name="connsiteX34" fmla="*/ 93554 w 279081"/>
              <a:gd name="connsiteY34" fmla="*/ 25920 h 279081"/>
              <a:gd name="connsiteX35" fmla="*/ 91045 w 279081"/>
              <a:gd name="connsiteY35" fmla="*/ 27035 h 279081"/>
              <a:gd name="connsiteX36" fmla="*/ 52955 w 279081"/>
              <a:gd name="connsiteY36" fmla="*/ 52955 h 279081"/>
              <a:gd name="connsiteX37" fmla="*/ 44594 w 279081"/>
              <a:gd name="connsiteY37" fmla="*/ 62245 h 279081"/>
              <a:gd name="connsiteX38" fmla="*/ 43850 w 279081"/>
              <a:gd name="connsiteY38" fmla="*/ 63174 h 279081"/>
              <a:gd name="connsiteX39" fmla="*/ 45058 w 279081"/>
              <a:gd name="connsiteY39" fmla="*/ 63360 h 279081"/>
              <a:gd name="connsiteX40" fmla="*/ 71628 w 279081"/>
              <a:gd name="connsiteY40" fmla="*/ 67541 h 279081"/>
              <a:gd name="connsiteX41" fmla="*/ 72186 w 279081"/>
              <a:gd name="connsiteY41" fmla="*/ 67541 h 279081"/>
              <a:gd name="connsiteX42" fmla="*/ 72372 w 279081"/>
              <a:gd name="connsiteY42" fmla="*/ 67076 h 279081"/>
              <a:gd name="connsiteX43" fmla="*/ 82684 w 279081"/>
              <a:gd name="connsiteY43" fmla="*/ 42828 h 279081"/>
              <a:gd name="connsiteX44" fmla="*/ 91881 w 279081"/>
              <a:gd name="connsiteY44" fmla="*/ 28057 h 279081"/>
              <a:gd name="connsiteX45" fmla="*/ 93461 w 279081"/>
              <a:gd name="connsiteY45" fmla="*/ 25827 h 279081"/>
              <a:gd name="connsiteX46" fmla="*/ 93554 w 279081"/>
              <a:gd name="connsiteY46" fmla="*/ 253068 h 279081"/>
              <a:gd name="connsiteX47" fmla="*/ 91974 w 279081"/>
              <a:gd name="connsiteY47" fmla="*/ 250839 h 279081"/>
              <a:gd name="connsiteX48" fmla="*/ 82777 w 279081"/>
              <a:gd name="connsiteY48" fmla="*/ 236067 h 279081"/>
              <a:gd name="connsiteX49" fmla="*/ 72557 w 279081"/>
              <a:gd name="connsiteY49" fmla="*/ 212005 h 279081"/>
              <a:gd name="connsiteX50" fmla="*/ 72372 w 279081"/>
              <a:gd name="connsiteY50" fmla="*/ 211448 h 279081"/>
              <a:gd name="connsiteX51" fmla="*/ 71721 w 279081"/>
              <a:gd name="connsiteY51" fmla="*/ 211448 h 279081"/>
              <a:gd name="connsiteX52" fmla="*/ 45615 w 279081"/>
              <a:gd name="connsiteY52" fmla="*/ 216279 h 279081"/>
              <a:gd name="connsiteX53" fmla="*/ 44408 w 279081"/>
              <a:gd name="connsiteY53" fmla="*/ 216557 h 279081"/>
              <a:gd name="connsiteX54" fmla="*/ 45151 w 279081"/>
              <a:gd name="connsiteY54" fmla="*/ 217486 h 279081"/>
              <a:gd name="connsiteX55" fmla="*/ 52955 w 279081"/>
              <a:gd name="connsiteY55" fmla="*/ 226126 h 279081"/>
              <a:gd name="connsiteX56" fmla="*/ 91045 w 279081"/>
              <a:gd name="connsiteY56" fmla="*/ 252046 h 279081"/>
              <a:gd name="connsiteX57" fmla="*/ 93554 w 279081"/>
              <a:gd name="connsiteY57" fmla="*/ 253161 h 279081"/>
              <a:gd name="connsiteX58" fmla="*/ 185528 w 279081"/>
              <a:gd name="connsiteY58" fmla="*/ 253068 h 279081"/>
              <a:gd name="connsiteX59" fmla="*/ 188036 w 279081"/>
              <a:gd name="connsiteY59" fmla="*/ 251954 h 279081"/>
              <a:gd name="connsiteX60" fmla="*/ 226126 w 279081"/>
              <a:gd name="connsiteY60" fmla="*/ 226034 h 279081"/>
              <a:gd name="connsiteX61" fmla="*/ 234116 w 279081"/>
              <a:gd name="connsiteY61" fmla="*/ 217301 h 279081"/>
              <a:gd name="connsiteX62" fmla="*/ 234859 w 279081"/>
              <a:gd name="connsiteY62" fmla="*/ 216372 h 279081"/>
              <a:gd name="connsiteX63" fmla="*/ 233652 w 279081"/>
              <a:gd name="connsiteY63" fmla="*/ 216093 h 279081"/>
              <a:gd name="connsiteX64" fmla="*/ 207546 w 279081"/>
              <a:gd name="connsiteY64" fmla="*/ 211169 h 279081"/>
              <a:gd name="connsiteX65" fmla="*/ 206895 w 279081"/>
              <a:gd name="connsiteY65" fmla="*/ 211169 h 279081"/>
              <a:gd name="connsiteX66" fmla="*/ 206710 w 279081"/>
              <a:gd name="connsiteY66" fmla="*/ 211634 h 279081"/>
              <a:gd name="connsiteX67" fmla="*/ 196397 w 279081"/>
              <a:gd name="connsiteY67" fmla="*/ 235974 h 279081"/>
              <a:gd name="connsiteX68" fmla="*/ 187200 w 279081"/>
              <a:gd name="connsiteY68" fmla="*/ 250746 h 279081"/>
              <a:gd name="connsiteX69" fmla="*/ 185621 w 279081"/>
              <a:gd name="connsiteY69" fmla="*/ 252975 h 279081"/>
              <a:gd name="connsiteX70" fmla="*/ 211634 w 279081"/>
              <a:gd name="connsiteY70" fmla="*/ 194632 h 279081"/>
              <a:gd name="connsiteX71" fmla="*/ 212377 w 279081"/>
              <a:gd name="connsiteY71" fmla="*/ 194632 h 279081"/>
              <a:gd name="connsiteX72" fmla="*/ 244707 w 279081"/>
              <a:gd name="connsiteY72" fmla="*/ 201136 h 279081"/>
              <a:gd name="connsiteX73" fmla="*/ 245264 w 279081"/>
              <a:gd name="connsiteY73" fmla="*/ 201136 h 279081"/>
              <a:gd name="connsiteX74" fmla="*/ 245543 w 279081"/>
              <a:gd name="connsiteY74" fmla="*/ 200764 h 279081"/>
              <a:gd name="connsiteX75" fmla="*/ 261615 w 279081"/>
              <a:gd name="connsiteY75" fmla="*/ 148738 h 279081"/>
              <a:gd name="connsiteX76" fmla="*/ 261615 w 279081"/>
              <a:gd name="connsiteY76" fmla="*/ 147902 h 279081"/>
              <a:gd name="connsiteX77" fmla="*/ 217672 w 279081"/>
              <a:gd name="connsiteY77" fmla="*/ 147902 h 279081"/>
              <a:gd name="connsiteX78" fmla="*/ 217672 w 279081"/>
              <a:gd name="connsiteY78" fmla="*/ 148645 h 279081"/>
              <a:gd name="connsiteX79" fmla="*/ 211726 w 279081"/>
              <a:gd name="connsiteY79" fmla="*/ 193796 h 279081"/>
              <a:gd name="connsiteX80" fmla="*/ 211541 w 279081"/>
              <a:gd name="connsiteY80" fmla="*/ 194539 h 279081"/>
              <a:gd name="connsiteX81" fmla="*/ 33817 w 279081"/>
              <a:gd name="connsiteY81" fmla="*/ 201321 h 279081"/>
              <a:gd name="connsiteX82" fmla="*/ 34374 w 279081"/>
              <a:gd name="connsiteY82" fmla="*/ 201321 h 279081"/>
              <a:gd name="connsiteX83" fmla="*/ 66797 w 279081"/>
              <a:gd name="connsiteY83" fmla="*/ 195004 h 279081"/>
              <a:gd name="connsiteX84" fmla="*/ 67541 w 279081"/>
              <a:gd name="connsiteY84" fmla="*/ 195004 h 279081"/>
              <a:gd name="connsiteX85" fmla="*/ 67355 w 279081"/>
              <a:gd name="connsiteY85" fmla="*/ 194075 h 279081"/>
              <a:gd name="connsiteX86" fmla="*/ 61409 w 279081"/>
              <a:gd name="connsiteY86" fmla="*/ 148645 h 279081"/>
              <a:gd name="connsiteX87" fmla="*/ 61409 w 279081"/>
              <a:gd name="connsiteY87" fmla="*/ 147902 h 279081"/>
              <a:gd name="connsiteX88" fmla="*/ 17373 w 279081"/>
              <a:gd name="connsiteY88" fmla="*/ 147902 h 279081"/>
              <a:gd name="connsiteX89" fmla="*/ 17373 w 279081"/>
              <a:gd name="connsiteY89" fmla="*/ 148738 h 279081"/>
              <a:gd name="connsiteX90" fmla="*/ 33631 w 279081"/>
              <a:gd name="connsiteY90" fmla="*/ 200857 h 279081"/>
              <a:gd name="connsiteX91" fmla="*/ 33910 w 279081"/>
              <a:gd name="connsiteY91" fmla="*/ 201321 h 279081"/>
              <a:gd name="connsiteX92" fmla="*/ 131830 w 279081"/>
              <a:gd name="connsiteY92" fmla="*/ 72279 h 279081"/>
              <a:gd name="connsiteX93" fmla="*/ 131830 w 279081"/>
              <a:gd name="connsiteY93" fmla="*/ 18023 h 279081"/>
              <a:gd name="connsiteX94" fmla="*/ 130901 w 279081"/>
              <a:gd name="connsiteY94" fmla="*/ 18302 h 279081"/>
              <a:gd name="connsiteX95" fmla="*/ 97734 w 279081"/>
              <a:gd name="connsiteY95" fmla="*/ 50911 h 279081"/>
              <a:gd name="connsiteX96" fmla="*/ 89837 w 279081"/>
              <a:gd name="connsiteY96" fmla="*/ 68841 h 279081"/>
              <a:gd name="connsiteX97" fmla="*/ 89559 w 279081"/>
              <a:gd name="connsiteY97" fmla="*/ 69770 h 279081"/>
              <a:gd name="connsiteX98" fmla="*/ 90488 w 279081"/>
              <a:gd name="connsiteY98" fmla="*/ 69770 h 279081"/>
              <a:gd name="connsiteX99" fmla="*/ 131179 w 279081"/>
              <a:gd name="connsiteY99" fmla="*/ 72279 h 279081"/>
              <a:gd name="connsiteX100" fmla="*/ 131923 w 279081"/>
              <a:gd name="connsiteY100" fmla="*/ 72279 h 279081"/>
              <a:gd name="connsiteX101" fmla="*/ 84542 w 279081"/>
              <a:gd name="connsiteY101" fmla="*/ 86307 h 279081"/>
              <a:gd name="connsiteX102" fmla="*/ 84356 w 279081"/>
              <a:gd name="connsiteY102" fmla="*/ 86957 h 279081"/>
              <a:gd name="connsiteX103" fmla="*/ 78410 w 279081"/>
              <a:gd name="connsiteY103" fmla="*/ 130250 h 279081"/>
              <a:gd name="connsiteX104" fmla="*/ 78410 w 279081"/>
              <a:gd name="connsiteY104" fmla="*/ 130994 h 279081"/>
              <a:gd name="connsiteX105" fmla="*/ 131737 w 279081"/>
              <a:gd name="connsiteY105" fmla="*/ 130994 h 279081"/>
              <a:gd name="connsiteX106" fmla="*/ 131737 w 279081"/>
              <a:gd name="connsiteY106" fmla="*/ 89280 h 279081"/>
              <a:gd name="connsiteX107" fmla="*/ 130994 w 279081"/>
              <a:gd name="connsiteY107" fmla="*/ 89280 h 279081"/>
              <a:gd name="connsiteX108" fmla="*/ 85006 w 279081"/>
              <a:gd name="connsiteY108" fmla="*/ 86400 h 279081"/>
              <a:gd name="connsiteX109" fmla="*/ 84356 w 279081"/>
              <a:gd name="connsiteY109" fmla="*/ 86400 h 279081"/>
              <a:gd name="connsiteX110" fmla="*/ 131830 w 279081"/>
              <a:gd name="connsiteY110" fmla="*/ 189244 h 279081"/>
              <a:gd name="connsiteX111" fmla="*/ 131830 w 279081"/>
              <a:gd name="connsiteY111" fmla="*/ 147995 h 279081"/>
              <a:gd name="connsiteX112" fmla="*/ 78410 w 279081"/>
              <a:gd name="connsiteY112" fmla="*/ 147995 h 279081"/>
              <a:gd name="connsiteX113" fmla="*/ 78410 w 279081"/>
              <a:gd name="connsiteY113" fmla="*/ 148738 h 279081"/>
              <a:gd name="connsiteX114" fmla="*/ 84356 w 279081"/>
              <a:gd name="connsiteY114" fmla="*/ 191938 h 279081"/>
              <a:gd name="connsiteX115" fmla="*/ 84542 w 279081"/>
              <a:gd name="connsiteY115" fmla="*/ 192588 h 279081"/>
              <a:gd name="connsiteX116" fmla="*/ 85192 w 279081"/>
              <a:gd name="connsiteY116" fmla="*/ 192588 h 279081"/>
              <a:gd name="connsiteX117" fmla="*/ 131179 w 279081"/>
              <a:gd name="connsiteY117" fmla="*/ 189244 h 279081"/>
              <a:gd name="connsiteX118" fmla="*/ 131923 w 279081"/>
              <a:gd name="connsiteY118" fmla="*/ 189244 h 279081"/>
              <a:gd name="connsiteX119" fmla="*/ 131830 w 279081"/>
              <a:gd name="connsiteY119" fmla="*/ 260965 h 279081"/>
              <a:gd name="connsiteX120" fmla="*/ 131830 w 279081"/>
              <a:gd name="connsiteY120" fmla="*/ 206245 h 279081"/>
              <a:gd name="connsiteX121" fmla="*/ 131086 w 279081"/>
              <a:gd name="connsiteY121" fmla="*/ 206245 h 279081"/>
              <a:gd name="connsiteX122" fmla="*/ 90395 w 279081"/>
              <a:gd name="connsiteY122" fmla="*/ 209032 h 279081"/>
              <a:gd name="connsiteX123" fmla="*/ 89466 w 279081"/>
              <a:gd name="connsiteY123" fmla="*/ 209032 h 279081"/>
              <a:gd name="connsiteX124" fmla="*/ 89745 w 279081"/>
              <a:gd name="connsiteY124" fmla="*/ 210054 h 279081"/>
              <a:gd name="connsiteX125" fmla="*/ 97734 w 279081"/>
              <a:gd name="connsiteY125" fmla="*/ 228170 h 279081"/>
              <a:gd name="connsiteX126" fmla="*/ 130901 w 279081"/>
              <a:gd name="connsiteY126" fmla="*/ 260779 h 279081"/>
              <a:gd name="connsiteX127" fmla="*/ 131830 w 279081"/>
              <a:gd name="connsiteY127" fmla="*/ 261058 h 279081"/>
              <a:gd name="connsiteX128" fmla="*/ 148924 w 279081"/>
              <a:gd name="connsiteY128" fmla="*/ 206245 h 279081"/>
              <a:gd name="connsiteX129" fmla="*/ 148924 w 279081"/>
              <a:gd name="connsiteY129" fmla="*/ 260501 h 279081"/>
              <a:gd name="connsiteX130" fmla="*/ 149946 w 279081"/>
              <a:gd name="connsiteY130" fmla="*/ 260129 h 279081"/>
              <a:gd name="connsiteX131" fmla="*/ 181440 w 279081"/>
              <a:gd name="connsiteY131" fmla="*/ 228077 h 279081"/>
              <a:gd name="connsiteX132" fmla="*/ 189523 w 279081"/>
              <a:gd name="connsiteY132" fmla="*/ 209683 h 279081"/>
              <a:gd name="connsiteX133" fmla="*/ 189801 w 279081"/>
              <a:gd name="connsiteY133" fmla="*/ 208846 h 279081"/>
              <a:gd name="connsiteX134" fmla="*/ 188872 w 279081"/>
              <a:gd name="connsiteY134" fmla="*/ 208846 h 279081"/>
              <a:gd name="connsiteX135" fmla="*/ 149667 w 279081"/>
              <a:gd name="connsiteY135" fmla="*/ 206245 h 279081"/>
              <a:gd name="connsiteX136" fmla="*/ 148924 w 279081"/>
              <a:gd name="connsiteY136" fmla="*/ 206245 h 279081"/>
              <a:gd name="connsiteX137" fmla="*/ 194725 w 279081"/>
              <a:gd name="connsiteY137" fmla="*/ 192310 h 279081"/>
              <a:gd name="connsiteX138" fmla="*/ 194911 w 279081"/>
              <a:gd name="connsiteY138" fmla="*/ 191659 h 279081"/>
              <a:gd name="connsiteX139" fmla="*/ 200671 w 279081"/>
              <a:gd name="connsiteY139" fmla="*/ 148738 h 279081"/>
              <a:gd name="connsiteX140" fmla="*/ 200671 w 279081"/>
              <a:gd name="connsiteY140" fmla="*/ 147995 h 279081"/>
              <a:gd name="connsiteX141" fmla="*/ 148924 w 279081"/>
              <a:gd name="connsiteY141" fmla="*/ 147995 h 279081"/>
              <a:gd name="connsiteX142" fmla="*/ 148924 w 279081"/>
              <a:gd name="connsiteY142" fmla="*/ 189151 h 279081"/>
              <a:gd name="connsiteX143" fmla="*/ 149667 w 279081"/>
              <a:gd name="connsiteY143" fmla="*/ 189151 h 279081"/>
              <a:gd name="connsiteX144" fmla="*/ 194075 w 279081"/>
              <a:gd name="connsiteY144" fmla="*/ 192217 h 279081"/>
              <a:gd name="connsiteX145" fmla="*/ 194725 w 279081"/>
              <a:gd name="connsiteY145" fmla="*/ 192217 h 279081"/>
              <a:gd name="connsiteX146" fmla="*/ 194725 w 279081"/>
              <a:gd name="connsiteY146" fmla="*/ 86679 h 279081"/>
              <a:gd name="connsiteX147" fmla="*/ 194075 w 279081"/>
              <a:gd name="connsiteY147" fmla="*/ 86679 h 279081"/>
              <a:gd name="connsiteX148" fmla="*/ 149667 w 279081"/>
              <a:gd name="connsiteY148" fmla="*/ 89373 h 279081"/>
              <a:gd name="connsiteX149" fmla="*/ 148924 w 279081"/>
              <a:gd name="connsiteY149" fmla="*/ 89373 h 279081"/>
              <a:gd name="connsiteX150" fmla="*/ 148924 w 279081"/>
              <a:gd name="connsiteY150" fmla="*/ 131086 h 279081"/>
              <a:gd name="connsiteX151" fmla="*/ 200671 w 279081"/>
              <a:gd name="connsiteY151" fmla="*/ 131086 h 279081"/>
              <a:gd name="connsiteX152" fmla="*/ 200671 w 279081"/>
              <a:gd name="connsiteY152" fmla="*/ 130343 h 279081"/>
              <a:gd name="connsiteX153" fmla="*/ 194818 w 279081"/>
              <a:gd name="connsiteY153" fmla="*/ 87329 h 279081"/>
              <a:gd name="connsiteX154" fmla="*/ 194632 w 279081"/>
              <a:gd name="connsiteY154" fmla="*/ 86679 h 279081"/>
              <a:gd name="connsiteX155" fmla="*/ 189801 w 279081"/>
              <a:gd name="connsiteY155" fmla="*/ 70049 h 279081"/>
              <a:gd name="connsiteX156" fmla="*/ 189523 w 279081"/>
              <a:gd name="connsiteY156" fmla="*/ 69120 h 279081"/>
              <a:gd name="connsiteX157" fmla="*/ 181533 w 279081"/>
              <a:gd name="connsiteY157" fmla="*/ 50911 h 279081"/>
              <a:gd name="connsiteX158" fmla="*/ 150039 w 279081"/>
              <a:gd name="connsiteY158" fmla="*/ 18859 h 279081"/>
              <a:gd name="connsiteX159" fmla="*/ 149017 w 279081"/>
              <a:gd name="connsiteY159" fmla="*/ 18488 h 279081"/>
              <a:gd name="connsiteX160" fmla="*/ 149017 w 279081"/>
              <a:gd name="connsiteY160" fmla="*/ 72279 h 279081"/>
              <a:gd name="connsiteX161" fmla="*/ 149760 w 279081"/>
              <a:gd name="connsiteY161" fmla="*/ 72279 h 279081"/>
              <a:gd name="connsiteX162" fmla="*/ 188872 w 279081"/>
              <a:gd name="connsiteY162" fmla="*/ 70049 h 279081"/>
              <a:gd name="connsiteX163" fmla="*/ 189801 w 279081"/>
              <a:gd name="connsiteY163" fmla="*/ 70049 h 279081"/>
              <a:gd name="connsiteX164" fmla="*/ 139541 w 279081"/>
              <a:gd name="connsiteY164" fmla="*/ 0 h 279081"/>
              <a:gd name="connsiteX165" fmla="*/ 238204 w 279081"/>
              <a:gd name="connsiteY165" fmla="*/ 40877 h 279081"/>
              <a:gd name="connsiteX166" fmla="*/ 279081 w 279081"/>
              <a:gd name="connsiteY166" fmla="*/ 139541 h 279081"/>
              <a:gd name="connsiteX167" fmla="*/ 238204 w 279081"/>
              <a:gd name="connsiteY167" fmla="*/ 238204 h 279081"/>
              <a:gd name="connsiteX168" fmla="*/ 139541 w 279081"/>
              <a:gd name="connsiteY168" fmla="*/ 279081 h 279081"/>
              <a:gd name="connsiteX169" fmla="*/ 40877 w 279081"/>
              <a:gd name="connsiteY169" fmla="*/ 238204 h 279081"/>
              <a:gd name="connsiteX170" fmla="*/ 0 w 279081"/>
              <a:gd name="connsiteY170" fmla="*/ 139541 h 279081"/>
              <a:gd name="connsiteX171" fmla="*/ 40877 w 279081"/>
              <a:gd name="connsiteY171" fmla="*/ 40877 h 279081"/>
              <a:gd name="connsiteX172" fmla="*/ 139541 w 279081"/>
              <a:gd name="connsiteY172" fmla="*/ 0 h 2790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Lst>
            <a:rect l="l" t="t" r="r" b="b"/>
            <a:pathLst>
              <a:path w="279081" h="279081">
                <a:moveTo>
                  <a:pt x="33352" y="78410"/>
                </a:moveTo>
                <a:lnTo>
                  <a:pt x="33074" y="78875"/>
                </a:lnTo>
                <a:cubicBezTo>
                  <a:pt x="24062" y="94575"/>
                  <a:pt x="18766" y="112134"/>
                  <a:pt x="17373" y="130157"/>
                </a:cubicBezTo>
                <a:lnTo>
                  <a:pt x="17373" y="130994"/>
                </a:lnTo>
                <a:lnTo>
                  <a:pt x="61409" y="130994"/>
                </a:lnTo>
                <a:lnTo>
                  <a:pt x="61409" y="130250"/>
                </a:lnTo>
                <a:cubicBezTo>
                  <a:pt x="61966" y="115014"/>
                  <a:pt x="63917" y="99778"/>
                  <a:pt x="67355" y="85006"/>
                </a:cubicBezTo>
                <a:lnTo>
                  <a:pt x="67541" y="84263"/>
                </a:lnTo>
                <a:lnTo>
                  <a:pt x="66705" y="84263"/>
                </a:lnTo>
                <a:cubicBezTo>
                  <a:pt x="55742" y="82591"/>
                  <a:pt x="44779" y="80733"/>
                  <a:pt x="33817" y="78596"/>
                </a:cubicBezTo>
                <a:lnTo>
                  <a:pt x="33259" y="78596"/>
                </a:lnTo>
                <a:close/>
                <a:moveTo>
                  <a:pt x="211634" y="84356"/>
                </a:moveTo>
                <a:lnTo>
                  <a:pt x="211819" y="85099"/>
                </a:lnTo>
                <a:cubicBezTo>
                  <a:pt x="215257" y="99871"/>
                  <a:pt x="217115" y="114921"/>
                  <a:pt x="217672" y="130065"/>
                </a:cubicBezTo>
                <a:lnTo>
                  <a:pt x="217672" y="130808"/>
                </a:lnTo>
                <a:lnTo>
                  <a:pt x="261708" y="130808"/>
                </a:lnTo>
                <a:lnTo>
                  <a:pt x="261708" y="129972"/>
                </a:lnTo>
                <a:cubicBezTo>
                  <a:pt x="260315" y="111948"/>
                  <a:pt x="255019" y="94483"/>
                  <a:pt x="246008" y="78782"/>
                </a:cubicBezTo>
                <a:lnTo>
                  <a:pt x="245729" y="78317"/>
                </a:lnTo>
                <a:lnTo>
                  <a:pt x="245172" y="78317"/>
                </a:lnTo>
                <a:cubicBezTo>
                  <a:pt x="234302" y="80733"/>
                  <a:pt x="223339" y="82591"/>
                  <a:pt x="212377" y="84170"/>
                </a:cubicBezTo>
                <a:lnTo>
                  <a:pt x="211541" y="84170"/>
                </a:lnTo>
                <a:close/>
                <a:moveTo>
                  <a:pt x="185528" y="25920"/>
                </a:moveTo>
                <a:lnTo>
                  <a:pt x="187107" y="28150"/>
                </a:lnTo>
                <a:cubicBezTo>
                  <a:pt x="190545" y="32795"/>
                  <a:pt x="193610" y="37812"/>
                  <a:pt x="196304" y="42921"/>
                </a:cubicBezTo>
                <a:cubicBezTo>
                  <a:pt x="200485" y="50725"/>
                  <a:pt x="203923" y="58994"/>
                  <a:pt x="206710" y="67448"/>
                </a:cubicBezTo>
                <a:lnTo>
                  <a:pt x="206895" y="68005"/>
                </a:lnTo>
                <a:lnTo>
                  <a:pt x="207546" y="68005"/>
                </a:lnTo>
                <a:cubicBezTo>
                  <a:pt x="216464" y="66705"/>
                  <a:pt x="225290" y="65218"/>
                  <a:pt x="234209" y="63546"/>
                </a:cubicBezTo>
                <a:lnTo>
                  <a:pt x="235417" y="63267"/>
                </a:lnTo>
                <a:lnTo>
                  <a:pt x="234674" y="62338"/>
                </a:lnTo>
                <a:cubicBezTo>
                  <a:pt x="231979" y="59086"/>
                  <a:pt x="229192" y="55928"/>
                  <a:pt x="226219" y="52955"/>
                </a:cubicBezTo>
                <a:cubicBezTo>
                  <a:pt x="215257" y="41992"/>
                  <a:pt x="202343" y="33166"/>
                  <a:pt x="188129" y="27035"/>
                </a:cubicBezTo>
                <a:lnTo>
                  <a:pt x="185621" y="25920"/>
                </a:lnTo>
                <a:close/>
                <a:moveTo>
                  <a:pt x="93554" y="25920"/>
                </a:moveTo>
                <a:lnTo>
                  <a:pt x="91045" y="27035"/>
                </a:lnTo>
                <a:cubicBezTo>
                  <a:pt x="76831" y="33166"/>
                  <a:pt x="63917" y="41992"/>
                  <a:pt x="52955" y="52955"/>
                </a:cubicBezTo>
                <a:cubicBezTo>
                  <a:pt x="49982" y="55928"/>
                  <a:pt x="47195" y="58994"/>
                  <a:pt x="44594" y="62245"/>
                </a:cubicBezTo>
                <a:lnTo>
                  <a:pt x="43850" y="63174"/>
                </a:lnTo>
                <a:lnTo>
                  <a:pt x="45058" y="63360"/>
                </a:lnTo>
                <a:cubicBezTo>
                  <a:pt x="53884" y="64939"/>
                  <a:pt x="62710" y="66426"/>
                  <a:pt x="71628" y="67541"/>
                </a:cubicBezTo>
                <a:lnTo>
                  <a:pt x="72186" y="67541"/>
                </a:lnTo>
                <a:lnTo>
                  <a:pt x="72372" y="67076"/>
                </a:lnTo>
                <a:cubicBezTo>
                  <a:pt x="75159" y="58715"/>
                  <a:pt x="78503" y="50632"/>
                  <a:pt x="82684" y="42828"/>
                </a:cubicBezTo>
                <a:cubicBezTo>
                  <a:pt x="85378" y="37719"/>
                  <a:pt x="88444" y="32795"/>
                  <a:pt x="91881" y="28057"/>
                </a:cubicBezTo>
                <a:lnTo>
                  <a:pt x="93461" y="25827"/>
                </a:lnTo>
                <a:close/>
                <a:moveTo>
                  <a:pt x="93554" y="253068"/>
                </a:moveTo>
                <a:lnTo>
                  <a:pt x="91974" y="250839"/>
                </a:lnTo>
                <a:cubicBezTo>
                  <a:pt x="88537" y="246194"/>
                  <a:pt x="85471" y="241177"/>
                  <a:pt x="82777" y="236067"/>
                </a:cubicBezTo>
                <a:cubicBezTo>
                  <a:pt x="78689" y="228356"/>
                  <a:pt x="75345" y="220274"/>
                  <a:pt x="72557" y="212005"/>
                </a:cubicBezTo>
                <a:lnTo>
                  <a:pt x="72372" y="211448"/>
                </a:lnTo>
                <a:lnTo>
                  <a:pt x="71721" y="211448"/>
                </a:lnTo>
                <a:cubicBezTo>
                  <a:pt x="62988" y="212841"/>
                  <a:pt x="54255" y="214514"/>
                  <a:pt x="45615" y="216279"/>
                </a:cubicBezTo>
                <a:lnTo>
                  <a:pt x="44408" y="216557"/>
                </a:lnTo>
                <a:lnTo>
                  <a:pt x="45151" y="217486"/>
                </a:lnTo>
                <a:cubicBezTo>
                  <a:pt x="47659" y="220459"/>
                  <a:pt x="50261" y="223339"/>
                  <a:pt x="52955" y="226126"/>
                </a:cubicBezTo>
                <a:cubicBezTo>
                  <a:pt x="63917" y="237089"/>
                  <a:pt x="76831" y="245915"/>
                  <a:pt x="91045" y="252046"/>
                </a:cubicBezTo>
                <a:lnTo>
                  <a:pt x="93554" y="253161"/>
                </a:lnTo>
                <a:close/>
                <a:moveTo>
                  <a:pt x="185528" y="253068"/>
                </a:moveTo>
                <a:lnTo>
                  <a:pt x="188036" y="251954"/>
                </a:lnTo>
                <a:cubicBezTo>
                  <a:pt x="202250" y="245822"/>
                  <a:pt x="215164" y="236996"/>
                  <a:pt x="226126" y="226034"/>
                </a:cubicBezTo>
                <a:cubicBezTo>
                  <a:pt x="228914" y="223246"/>
                  <a:pt x="231608" y="220366"/>
                  <a:pt x="234116" y="217301"/>
                </a:cubicBezTo>
                <a:lnTo>
                  <a:pt x="234859" y="216372"/>
                </a:lnTo>
                <a:lnTo>
                  <a:pt x="233652" y="216093"/>
                </a:lnTo>
                <a:cubicBezTo>
                  <a:pt x="225012" y="214235"/>
                  <a:pt x="216279" y="212563"/>
                  <a:pt x="207546" y="211169"/>
                </a:cubicBezTo>
                <a:lnTo>
                  <a:pt x="206895" y="211169"/>
                </a:lnTo>
                <a:lnTo>
                  <a:pt x="206710" y="211634"/>
                </a:lnTo>
                <a:cubicBezTo>
                  <a:pt x="203923" y="219995"/>
                  <a:pt x="200485" y="228170"/>
                  <a:pt x="196397" y="235974"/>
                </a:cubicBezTo>
                <a:cubicBezTo>
                  <a:pt x="193703" y="241084"/>
                  <a:pt x="190637" y="246008"/>
                  <a:pt x="187200" y="250746"/>
                </a:cubicBezTo>
                <a:lnTo>
                  <a:pt x="185621" y="252975"/>
                </a:lnTo>
                <a:close/>
                <a:moveTo>
                  <a:pt x="211634" y="194632"/>
                </a:moveTo>
                <a:lnTo>
                  <a:pt x="212377" y="194632"/>
                </a:lnTo>
                <a:cubicBezTo>
                  <a:pt x="223246" y="196490"/>
                  <a:pt x="234023" y="198627"/>
                  <a:pt x="244707" y="201136"/>
                </a:cubicBezTo>
                <a:lnTo>
                  <a:pt x="245264" y="201136"/>
                </a:lnTo>
                <a:lnTo>
                  <a:pt x="245543" y="200764"/>
                </a:lnTo>
                <a:cubicBezTo>
                  <a:pt x="254741" y="184877"/>
                  <a:pt x="260222" y="167040"/>
                  <a:pt x="261615" y="148738"/>
                </a:cubicBezTo>
                <a:lnTo>
                  <a:pt x="261615" y="147902"/>
                </a:lnTo>
                <a:lnTo>
                  <a:pt x="217672" y="147902"/>
                </a:lnTo>
                <a:lnTo>
                  <a:pt x="217672" y="148645"/>
                </a:lnTo>
                <a:cubicBezTo>
                  <a:pt x="217115" y="163788"/>
                  <a:pt x="215257" y="179025"/>
                  <a:pt x="211726" y="193796"/>
                </a:cubicBezTo>
                <a:lnTo>
                  <a:pt x="211541" y="194539"/>
                </a:lnTo>
                <a:close/>
                <a:moveTo>
                  <a:pt x="33817" y="201321"/>
                </a:moveTo>
                <a:lnTo>
                  <a:pt x="34374" y="201321"/>
                </a:lnTo>
                <a:cubicBezTo>
                  <a:pt x="45151" y="198813"/>
                  <a:pt x="55928" y="196769"/>
                  <a:pt x="66797" y="195004"/>
                </a:cubicBezTo>
                <a:lnTo>
                  <a:pt x="67541" y="195004"/>
                </a:lnTo>
                <a:lnTo>
                  <a:pt x="67355" y="194075"/>
                </a:lnTo>
                <a:cubicBezTo>
                  <a:pt x="63825" y="179210"/>
                  <a:pt x="61966" y="163881"/>
                  <a:pt x="61409" y="148645"/>
                </a:cubicBezTo>
                <a:lnTo>
                  <a:pt x="61409" y="147902"/>
                </a:lnTo>
                <a:lnTo>
                  <a:pt x="17373" y="147902"/>
                </a:lnTo>
                <a:lnTo>
                  <a:pt x="17373" y="148738"/>
                </a:lnTo>
                <a:cubicBezTo>
                  <a:pt x="18859" y="167133"/>
                  <a:pt x="24341" y="184877"/>
                  <a:pt x="33631" y="200857"/>
                </a:cubicBezTo>
                <a:lnTo>
                  <a:pt x="33910" y="201321"/>
                </a:lnTo>
                <a:close/>
                <a:moveTo>
                  <a:pt x="131830" y="72279"/>
                </a:moveTo>
                <a:lnTo>
                  <a:pt x="131830" y="18023"/>
                </a:lnTo>
                <a:lnTo>
                  <a:pt x="130901" y="18302"/>
                </a:lnTo>
                <a:cubicBezTo>
                  <a:pt x="116036" y="22761"/>
                  <a:pt x="104702" y="37719"/>
                  <a:pt x="97734" y="50911"/>
                </a:cubicBezTo>
                <a:cubicBezTo>
                  <a:pt x="94668" y="56671"/>
                  <a:pt x="92067" y="62710"/>
                  <a:pt x="89837" y="68841"/>
                </a:cubicBezTo>
                <a:lnTo>
                  <a:pt x="89559" y="69770"/>
                </a:lnTo>
                <a:lnTo>
                  <a:pt x="90488" y="69770"/>
                </a:lnTo>
                <a:cubicBezTo>
                  <a:pt x="103959" y="71164"/>
                  <a:pt x="117523" y="72000"/>
                  <a:pt x="131179" y="72279"/>
                </a:cubicBezTo>
                <a:lnTo>
                  <a:pt x="131923" y="72279"/>
                </a:lnTo>
                <a:close/>
                <a:moveTo>
                  <a:pt x="84542" y="86307"/>
                </a:moveTo>
                <a:lnTo>
                  <a:pt x="84356" y="86957"/>
                </a:lnTo>
                <a:cubicBezTo>
                  <a:pt x="80919" y="101172"/>
                  <a:pt x="79061" y="115665"/>
                  <a:pt x="78410" y="130250"/>
                </a:cubicBezTo>
                <a:lnTo>
                  <a:pt x="78410" y="130994"/>
                </a:lnTo>
                <a:lnTo>
                  <a:pt x="131737" y="130994"/>
                </a:lnTo>
                <a:lnTo>
                  <a:pt x="131737" y="89280"/>
                </a:lnTo>
                <a:lnTo>
                  <a:pt x="130994" y="89280"/>
                </a:lnTo>
                <a:cubicBezTo>
                  <a:pt x="115665" y="89001"/>
                  <a:pt x="100335" y="87979"/>
                  <a:pt x="85006" y="86400"/>
                </a:cubicBezTo>
                <a:lnTo>
                  <a:pt x="84356" y="86400"/>
                </a:lnTo>
                <a:close/>
                <a:moveTo>
                  <a:pt x="131830" y="189244"/>
                </a:moveTo>
                <a:lnTo>
                  <a:pt x="131830" y="147995"/>
                </a:lnTo>
                <a:lnTo>
                  <a:pt x="78410" y="147995"/>
                </a:lnTo>
                <a:lnTo>
                  <a:pt x="78410" y="148738"/>
                </a:lnTo>
                <a:cubicBezTo>
                  <a:pt x="78968" y="163231"/>
                  <a:pt x="80826" y="177817"/>
                  <a:pt x="84356" y="191938"/>
                </a:cubicBezTo>
                <a:lnTo>
                  <a:pt x="84542" y="192588"/>
                </a:lnTo>
                <a:lnTo>
                  <a:pt x="85192" y="192588"/>
                </a:lnTo>
                <a:cubicBezTo>
                  <a:pt x="100428" y="190730"/>
                  <a:pt x="115757" y="189615"/>
                  <a:pt x="131179" y="189244"/>
                </a:cubicBezTo>
                <a:lnTo>
                  <a:pt x="131923" y="189244"/>
                </a:lnTo>
                <a:close/>
                <a:moveTo>
                  <a:pt x="131830" y="260965"/>
                </a:moveTo>
                <a:lnTo>
                  <a:pt x="131830" y="206245"/>
                </a:lnTo>
                <a:lnTo>
                  <a:pt x="131086" y="206245"/>
                </a:lnTo>
                <a:cubicBezTo>
                  <a:pt x="117523" y="206617"/>
                  <a:pt x="103866" y="207546"/>
                  <a:pt x="90395" y="209032"/>
                </a:cubicBezTo>
                <a:lnTo>
                  <a:pt x="89466" y="209032"/>
                </a:lnTo>
                <a:lnTo>
                  <a:pt x="89745" y="210054"/>
                </a:lnTo>
                <a:cubicBezTo>
                  <a:pt x="91974" y="216279"/>
                  <a:pt x="94575" y="222317"/>
                  <a:pt x="97734" y="228170"/>
                </a:cubicBezTo>
                <a:cubicBezTo>
                  <a:pt x="104702" y="241270"/>
                  <a:pt x="116036" y="256320"/>
                  <a:pt x="130901" y="260779"/>
                </a:cubicBezTo>
                <a:lnTo>
                  <a:pt x="131830" y="261058"/>
                </a:lnTo>
                <a:close/>
                <a:moveTo>
                  <a:pt x="148924" y="206245"/>
                </a:moveTo>
                <a:lnTo>
                  <a:pt x="148924" y="260501"/>
                </a:lnTo>
                <a:lnTo>
                  <a:pt x="149946" y="260129"/>
                </a:lnTo>
                <a:cubicBezTo>
                  <a:pt x="163974" y="255112"/>
                  <a:pt x="174658" y="240805"/>
                  <a:pt x="181440" y="228077"/>
                </a:cubicBezTo>
                <a:cubicBezTo>
                  <a:pt x="184599" y="222132"/>
                  <a:pt x="187200" y="216000"/>
                  <a:pt x="189523" y="209683"/>
                </a:cubicBezTo>
                <a:lnTo>
                  <a:pt x="189801" y="208846"/>
                </a:lnTo>
                <a:lnTo>
                  <a:pt x="188872" y="208846"/>
                </a:lnTo>
                <a:cubicBezTo>
                  <a:pt x="175866" y="207267"/>
                  <a:pt x="162766" y="206431"/>
                  <a:pt x="149667" y="206245"/>
                </a:cubicBezTo>
                <a:lnTo>
                  <a:pt x="148924" y="206245"/>
                </a:lnTo>
                <a:close/>
                <a:moveTo>
                  <a:pt x="194725" y="192310"/>
                </a:moveTo>
                <a:lnTo>
                  <a:pt x="194911" y="191659"/>
                </a:lnTo>
                <a:cubicBezTo>
                  <a:pt x="198348" y="177631"/>
                  <a:pt x="200114" y="163231"/>
                  <a:pt x="200671" y="148738"/>
                </a:cubicBezTo>
                <a:lnTo>
                  <a:pt x="200671" y="147995"/>
                </a:lnTo>
                <a:lnTo>
                  <a:pt x="148924" y="147995"/>
                </a:lnTo>
                <a:lnTo>
                  <a:pt x="148924" y="189151"/>
                </a:lnTo>
                <a:lnTo>
                  <a:pt x="149667" y="189151"/>
                </a:lnTo>
                <a:cubicBezTo>
                  <a:pt x="164532" y="189430"/>
                  <a:pt x="179303" y="190452"/>
                  <a:pt x="194075" y="192217"/>
                </a:cubicBezTo>
                <a:lnTo>
                  <a:pt x="194725" y="192217"/>
                </a:lnTo>
                <a:close/>
                <a:moveTo>
                  <a:pt x="194725" y="86679"/>
                </a:moveTo>
                <a:lnTo>
                  <a:pt x="194075" y="86679"/>
                </a:lnTo>
                <a:cubicBezTo>
                  <a:pt x="179303" y="88258"/>
                  <a:pt x="164532" y="89187"/>
                  <a:pt x="149667" y="89373"/>
                </a:cubicBezTo>
                <a:lnTo>
                  <a:pt x="148924" y="89373"/>
                </a:lnTo>
                <a:lnTo>
                  <a:pt x="148924" y="131086"/>
                </a:lnTo>
                <a:lnTo>
                  <a:pt x="200671" y="131086"/>
                </a:lnTo>
                <a:lnTo>
                  <a:pt x="200671" y="130343"/>
                </a:lnTo>
                <a:cubicBezTo>
                  <a:pt x="200114" y="115850"/>
                  <a:pt x="198255" y="101450"/>
                  <a:pt x="194818" y="87329"/>
                </a:cubicBezTo>
                <a:lnTo>
                  <a:pt x="194632" y="86679"/>
                </a:lnTo>
                <a:close/>
                <a:moveTo>
                  <a:pt x="189801" y="70049"/>
                </a:moveTo>
                <a:lnTo>
                  <a:pt x="189523" y="69120"/>
                </a:lnTo>
                <a:cubicBezTo>
                  <a:pt x="187293" y="62895"/>
                  <a:pt x="184599" y="56764"/>
                  <a:pt x="181533" y="50911"/>
                </a:cubicBezTo>
                <a:cubicBezTo>
                  <a:pt x="174751" y="38183"/>
                  <a:pt x="164067" y="23876"/>
                  <a:pt x="150039" y="18859"/>
                </a:cubicBezTo>
                <a:lnTo>
                  <a:pt x="149017" y="18488"/>
                </a:lnTo>
                <a:lnTo>
                  <a:pt x="149017" y="72279"/>
                </a:lnTo>
                <a:lnTo>
                  <a:pt x="149760" y="72279"/>
                </a:lnTo>
                <a:cubicBezTo>
                  <a:pt x="162859" y="72093"/>
                  <a:pt x="175866" y="71350"/>
                  <a:pt x="188872" y="70049"/>
                </a:cubicBezTo>
                <a:lnTo>
                  <a:pt x="189801" y="70049"/>
                </a:lnTo>
                <a:close/>
                <a:moveTo>
                  <a:pt x="139541" y="0"/>
                </a:moveTo>
                <a:cubicBezTo>
                  <a:pt x="176702" y="0"/>
                  <a:pt x="211912" y="14586"/>
                  <a:pt x="238204" y="40877"/>
                </a:cubicBezTo>
                <a:cubicBezTo>
                  <a:pt x="264495" y="67169"/>
                  <a:pt x="279081" y="102379"/>
                  <a:pt x="279081" y="139541"/>
                </a:cubicBezTo>
                <a:cubicBezTo>
                  <a:pt x="279081" y="176702"/>
                  <a:pt x="264495" y="211912"/>
                  <a:pt x="238204" y="238204"/>
                </a:cubicBezTo>
                <a:cubicBezTo>
                  <a:pt x="211912" y="264496"/>
                  <a:pt x="176702" y="279081"/>
                  <a:pt x="139541" y="279081"/>
                </a:cubicBezTo>
                <a:cubicBezTo>
                  <a:pt x="102379" y="279081"/>
                  <a:pt x="67169" y="264496"/>
                  <a:pt x="40877" y="238204"/>
                </a:cubicBezTo>
                <a:cubicBezTo>
                  <a:pt x="14586" y="211912"/>
                  <a:pt x="0" y="176609"/>
                  <a:pt x="0" y="139541"/>
                </a:cubicBezTo>
                <a:cubicBezTo>
                  <a:pt x="0" y="102472"/>
                  <a:pt x="14586" y="67076"/>
                  <a:pt x="40877" y="40877"/>
                </a:cubicBezTo>
                <a:cubicBezTo>
                  <a:pt x="67076" y="14586"/>
                  <a:pt x="102379" y="0"/>
                  <a:pt x="139541" y="0"/>
                </a:cubicBezTo>
                <a:close/>
              </a:path>
            </a:pathLst>
          </a:custGeom>
          <a:solidFill>
            <a:schemeClr val="accent1"/>
          </a:solidFill>
          <a:ln w="9286" cap="flat">
            <a:noFill/>
            <a:prstDash val="solid"/>
            <a:miter/>
          </a:ln>
        </p:spPr>
        <p:txBody>
          <a:bodyPr rtlCol="0" anchor="ctr"/>
          <a:lstStyle/>
          <a:p>
            <a:endParaRPr lang="en-GB"/>
          </a:p>
        </p:txBody>
      </p:sp>
      <p:sp>
        <p:nvSpPr>
          <p:cNvPr id="20" name="Rectangle 19">
            <a:hlinkClick r:id="rId7"/>
            <a:extLst>
              <a:ext uri="{FF2B5EF4-FFF2-40B4-BE49-F238E27FC236}">
                <a16:creationId xmlns:a16="http://schemas.microsoft.com/office/drawing/2014/main" id="{5234E6DE-098D-E1D6-E183-3D547460308A}"/>
              </a:ext>
            </a:extLst>
          </p:cNvPr>
          <p:cNvSpPr/>
          <p:nvPr userDrawn="1"/>
        </p:nvSpPr>
        <p:spPr>
          <a:xfrm>
            <a:off x="11216908" y="5691221"/>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a:p>
        </p:txBody>
      </p:sp>
      <p:sp>
        <p:nvSpPr>
          <p:cNvPr id="21" name="Rectangle 20">
            <a:hlinkClick r:id="rId8"/>
            <a:extLst>
              <a:ext uri="{FF2B5EF4-FFF2-40B4-BE49-F238E27FC236}">
                <a16:creationId xmlns:a16="http://schemas.microsoft.com/office/drawing/2014/main" id="{064C860A-7A65-0A4E-278B-7E39C99F80EF}"/>
              </a:ext>
            </a:extLst>
          </p:cNvPr>
          <p:cNvSpPr/>
          <p:nvPr userDrawn="1"/>
        </p:nvSpPr>
        <p:spPr>
          <a:xfrm>
            <a:off x="10161756"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a:p>
        </p:txBody>
      </p:sp>
      <p:sp>
        <p:nvSpPr>
          <p:cNvPr id="22" name="Rectangle 21">
            <a:hlinkClick r:id="rId9"/>
            <a:extLst>
              <a:ext uri="{FF2B5EF4-FFF2-40B4-BE49-F238E27FC236}">
                <a16:creationId xmlns:a16="http://schemas.microsoft.com/office/drawing/2014/main" id="{3388ACF4-05A8-D8FC-9B77-4746B82C4BF3}"/>
              </a:ext>
            </a:extLst>
          </p:cNvPr>
          <p:cNvSpPr/>
          <p:nvPr userDrawn="1"/>
        </p:nvSpPr>
        <p:spPr>
          <a:xfrm>
            <a:off x="10699761"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dirty="0"/>
          </a:p>
        </p:txBody>
      </p:sp>
      <p:sp>
        <p:nvSpPr>
          <p:cNvPr id="23" name="Rectangle 22">
            <a:hlinkClick r:id="rId10"/>
            <a:extLst>
              <a:ext uri="{FF2B5EF4-FFF2-40B4-BE49-F238E27FC236}">
                <a16:creationId xmlns:a16="http://schemas.microsoft.com/office/drawing/2014/main" id="{6BF15EA6-9788-39F6-C9DE-4BF2C86EE6FC}"/>
              </a:ext>
            </a:extLst>
          </p:cNvPr>
          <p:cNvSpPr/>
          <p:nvPr userDrawn="1"/>
        </p:nvSpPr>
        <p:spPr>
          <a:xfrm>
            <a:off x="9623751" y="5691220"/>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a:p>
        </p:txBody>
      </p:sp>
    </p:spTree>
    <p:extLst>
      <p:ext uri="{BB962C8B-B14F-4D97-AF65-F5344CB8AC3E}">
        <p14:creationId xmlns:p14="http://schemas.microsoft.com/office/powerpoint/2010/main" val="1488934852"/>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976" userDrawn="1">
          <p15:clr>
            <a:srgbClr val="FF96FF"/>
          </p15:clr>
        </p15:guide>
        <p15:guide id="4" orient="horz" pos="3344" userDrawn="1">
          <p15:clr>
            <a:srgbClr val="FF96FF"/>
          </p15:clr>
        </p15:guide>
        <p15:guide id="5" orient="horz" pos="3976" userDrawn="1">
          <p15:clr>
            <a:srgbClr val="8F8F8F"/>
          </p15:clr>
        </p15:guide>
        <p15:guide id="6" orient="horz" pos="4208" userDrawn="1">
          <p15:clr>
            <a:srgbClr val="8F8F8F"/>
          </p15:clr>
        </p15:guide>
        <p15:guide id="7" pos="290" userDrawn="1">
          <p15:clr>
            <a:srgbClr val="FF96FF"/>
          </p15:clr>
        </p15:guide>
        <p15:guide id="8" pos="7389"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_White">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2DF84161-4046-39C2-5268-7DC194063003}"/>
              </a:ext>
            </a:extLst>
          </p:cNvPr>
          <p:cNvPicPr>
            <a:picLocks noChangeAspect="1"/>
          </p:cNvPicPr>
          <p:nvPr userDrawn="1"/>
        </p:nvPicPr>
        <p:blipFill rotWithShape="1">
          <a:blip r:embed="rId3">
            <a:extLst>
              <a:ext uri="{96DAC541-7B7A-43D3-8B79-37D633B846F1}">
                <asvg:svgBlip xmlns:asvg="http://schemas.microsoft.com/office/drawing/2016/SVG/main" r:embed="rId4"/>
              </a:ext>
            </a:extLst>
          </a:blip>
          <a:srcRect r="20428"/>
          <a:stretch/>
        </p:blipFill>
        <p:spPr>
          <a:xfrm>
            <a:off x="6211542" y="0"/>
            <a:ext cx="5993710" cy="6858000"/>
          </a:xfrm>
          <a:prstGeom prst="rect">
            <a:avLst/>
          </a:prstGeom>
        </p:spPr>
      </p:pic>
      <p:sp>
        <p:nvSpPr>
          <p:cNvPr id="2" name="Title 1">
            <a:extLst>
              <a:ext uri="{FF2B5EF4-FFF2-40B4-BE49-F238E27FC236}">
                <a16:creationId xmlns:a16="http://schemas.microsoft.com/office/drawing/2014/main" id="{1D2D396A-2A5C-0123-9248-C9763FE2BEDB}"/>
              </a:ext>
            </a:extLst>
          </p:cNvPr>
          <p:cNvSpPr>
            <a:spLocks noGrp="1"/>
          </p:cNvSpPr>
          <p:nvPr>
            <p:ph type="ctrTitle" hasCustomPrompt="1"/>
          </p:nvPr>
        </p:nvSpPr>
        <p:spPr>
          <a:xfrm>
            <a:off x="689250" y="2741578"/>
            <a:ext cx="7643220" cy="1620000"/>
          </a:xfrm>
        </p:spPr>
        <p:txBody>
          <a:bodyPr anchor="t">
            <a:normAutofit/>
          </a:bodyPr>
          <a:lstStyle>
            <a:lvl1pPr algn="l">
              <a:defRPr sz="4000">
                <a:solidFill>
                  <a:schemeClr val="bg2"/>
                </a:solidFill>
              </a:defRPr>
            </a:lvl1pPr>
          </a:lstStyle>
          <a:p>
            <a:r>
              <a:rPr lang="en-US" dirty="0"/>
              <a:t>Click to add title</a:t>
            </a:r>
            <a:endParaRPr lang="en-GB" dirty="0"/>
          </a:p>
        </p:txBody>
      </p:sp>
      <p:sp>
        <p:nvSpPr>
          <p:cNvPr id="4" name="Date Placeholder 3">
            <a:extLst>
              <a:ext uri="{FF2B5EF4-FFF2-40B4-BE49-F238E27FC236}">
                <a16:creationId xmlns:a16="http://schemas.microsoft.com/office/drawing/2014/main" id="{C372472D-2585-AB79-C518-1E480DCCA01A}"/>
              </a:ext>
            </a:extLst>
          </p:cNvPr>
          <p:cNvSpPr>
            <a:spLocks noGrp="1"/>
          </p:cNvSpPr>
          <p:nvPr>
            <p:ph type="dt" sz="half" idx="10"/>
          </p:nvPr>
        </p:nvSpPr>
        <p:spPr>
          <a:xfrm>
            <a:off x="9464041" y="6024875"/>
            <a:ext cx="1354132" cy="365125"/>
          </a:xfrm>
          <a:prstGeom prst="rect">
            <a:avLst/>
          </a:prstGeom>
        </p:spPr>
        <p:txBody>
          <a:bodyPr lIns="0" tIns="0" rIns="0" bIns="0" anchor="ctr"/>
          <a:lstStyle>
            <a:lvl1pPr algn="r">
              <a:defRPr sz="1400" b="1">
                <a:solidFill>
                  <a:srgbClr val="EBE4F3"/>
                </a:solidFill>
              </a:defRPr>
            </a:lvl1pPr>
          </a:lstStyle>
          <a:p>
            <a:endParaRPr lang="en-GB" dirty="0"/>
          </a:p>
        </p:txBody>
      </p:sp>
      <p:sp>
        <p:nvSpPr>
          <p:cNvPr id="5" name="Footer Placeholder 4">
            <a:extLst>
              <a:ext uri="{FF2B5EF4-FFF2-40B4-BE49-F238E27FC236}">
                <a16:creationId xmlns:a16="http://schemas.microsoft.com/office/drawing/2014/main" id="{28C17DE3-87FB-51E5-812A-DBC4EFC21F0F}"/>
              </a:ext>
            </a:extLst>
          </p:cNvPr>
          <p:cNvSpPr>
            <a:spLocks noGrp="1"/>
          </p:cNvSpPr>
          <p:nvPr>
            <p:ph type="ftr" sz="quarter" idx="11"/>
          </p:nvPr>
        </p:nvSpPr>
        <p:spPr>
          <a:xfrm>
            <a:off x="689250" y="6024875"/>
            <a:ext cx="2168250" cy="365125"/>
          </a:xfrm>
        </p:spPr>
        <p:txBody>
          <a:bodyPr/>
          <a:lstStyle>
            <a:lvl1pPr>
              <a:defRPr>
                <a:solidFill>
                  <a:srgbClr val="EBE4F3"/>
                </a:solidFill>
              </a:defRPr>
            </a:lvl1p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pic>
        <p:nvPicPr>
          <p:cNvPr id="8" name="Graphic 7">
            <a:extLst>
              <a:ext uri="{FF2B5EF4-FFF2-40B4-BE49-F238E27FC236}">
                <a16:creationId xmlns:a16="http://schemas.microsoft.com/office/drawing/2014/main" id="{5C6F0E20-3E12-3199-78C0-538CC9623B0E}"/>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689250" y="1081860"/>
            <a:ext cx="3420000" cy="433879"/>
          </a:xfrm>
          <a:prstGeom prst="rect">
            <a:avLst/>
          </a:prstGeom>
        </p:spPr>
      </p:pic>
      <p:sp>
        <p:nvSpPr>
          <p:cNvPr id="15" name="Guides">
            <a:extLst>
              <a:ext uri="{FF2B5EF4-FFF2-40B4-BE49-F238E27FC236}">
                <a16:creationId xmlns:a16="http://schemas.microsoft.com/office/drawing/2014/main" id="{38CD2E5B-C491-35EE-9A54-E7B271FFCB89}"/>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24764831"/>
      </p:ext>
    </p:extLst>
  </p:cSld>
  <p:clrMapOvr>
    <a:masterClrMapping/>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F47D5D68-A44E-8174-4782-C4B9EC2163E0}"/>
              </a:ext>
            </a:extLst>
          </p:cNvPr>
          <p:cNvSpPr>
            <a:spLocks noGrp="1"/>
          </p:cNvSpPr>
          <p:nvPr>
            <p:ph idx="1" hasCustomPrompt="1"/>
          </p:nvPr>
        </p:nvSpPr>
        <p:spPr>
          <a:xfrm>
            <a:off x="431999" y="1061999"/>
            <a:ext cx="11328002" cy="5040000"/>
          </a:xfrm>
        </p:spPr>
        <p:txBody>
          <a:bodyPr/>
          <a:lstStyle>
            <a:lvl1pPr>
              <a:defRPr/>
            </a:lvl1pPr>
            <a:lvl5pPr>
              <a:defRPr/>
            </a:lvl5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endParaRPr lang="en-GB" dirty="0"/>
          </a:p>
        </p:txBody>
      </p:sp>
      <p:sp>
        <p:nvSpPr>
          <p:cNvPr id="2" name="Footer Placeholder 1">
            <a:extLst>
              <a:ext uri="{FF2B5EF4-FFF2-40B4-BE49-F238E27FC236}">
                <a16:creationId xmlns:a16="http://schemas.microsoft.com/office/drawing/2014/main" id="{5411D2A2-BE14-6DB3-0F51-FCADD5319963}"/>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Slide Number Placeholder 3">
            <a:extLst>
              <a:ext uri="{FF2B5EF4-FFF2-40B4-BE49-F238E27FC236}">
                <a16:creationId xmlns:a16="http://schemas.microsoft.com/office/drawing/2014/main" id="{33D492B1-A666-9AC6-720B-9210644B94D8}"/>
              </a:ext>
            </a:extLst>
          </p:cNvPr>
          <p:cNvSpPr>
            <a:spLocks noGrp="1"/>
          </p:cNvSpPr>
          <p:nvPr>
            <p:ph type="sldNum" sz="quarter" idx="11"/>
          </p:nvPr>
        </p:nvSpPr>
        <p:spPr>
          <a:xfrm>
            <a:off x="10584180" y="6312875"/>
            <a:ext cx="1175819" cy="365125"/>
          </a:xfrm>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4" name="Guides" hidden="1">
            <a:extLst>
              <a:ext uri="{FF2B5EF4-FFF2-40B4-BE49-F238E27FC236}">
                <a16:creationId xmlns:a16="http://schemas.microsoft.com/office/drawing/2014/main" id="{7302A606-B61B-4723-5B3C-654D14D42D43}"/>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CDC572F2-0C2C-B686-76B0-911FC4EDED1B}"/>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1881884729"/>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Divider_Purple">
    <p:bg>
      <p:bgPr>
        <a:solidFill>
          <a:schemeClr val="bg2"/>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00D97E52-E01E-DD72-C5C6-AC493A218C68}"/>
              </a:ext>
            </a:extLst>
          </p:cNvPr>
          <p:cNvPicPr>
            <a:picLocks noGrp="1" noRot="1" noChangeAspect="1" noMove="1" noResize="1" noEditPoints="1" noAdjustHandles="1" noChangeArrowheads="1" noChangeShapeType="1" noCrop="1"/>
          </p:cNvPicPr>
          <p:nvPr userDrawn="1"/>
        </p:nvPicPr>
        <p:blipFill>
          <a:blip r:embed="rId3">
            <a:extLst>
              <a:ext uri="{96DAC541-7B7A-43D3-8B79-37D633B846F1}">
                <asvg:svgBlip xmlns:asvg="http://schemas.microsoft.com/office/drawing/2016/SVG/main" r:embed="rId4"/>
              </a:ext>
            </a:extLst>
          </a:blip>
          <a:stretch>
            <a:fillRect/>
          </a:stretch>
        </p:blipFill>
        <p:spPr>
          <a:xfrm>
            <a:off x="2597150" y="0"/>
            <a:ext cx="6997700" cy="6858000"/>
          </a:xfrm>
          <a:prstGeom prst="rect">
            <a:avLst/>
          </a:prstGeom>
        </p:spPr>
      </p:pic>
      <p:sp>
        <p:nvSpPr>
          <p:cNvPr id="2" name="Title 1">
            <a:extLst>
              <a:ext uri="{FF2B5EF4-FFF2-40B4-BE49-F238E27FC236}">
                <a16:creationId xmlns:a16="http://schemas.microsoft.com/office/drawing/2014/main" id="{EE49B112-9556-1925-3202-724BFB1F108C}"/>
              </a:ext>
            </a:extLst>
          </p:cNvPr>
          <p:cNvSpPr>
            <a:spLocks noGrp="1"/>
          </p:cNvSpPr>
          <p:nvPr>
            <p:ph type="title" hasCustomPrompt="1"/>
          </p:nvPr>
        </p:nvSpPr>
        <p:spPr>
          <a:xfrm>
            <a:off x="431999" y="879119"/>
            <a:ext cx="11328002" cy="5040000"/>
          </a:xfrm>
        </p:spPr>
        <p:txBody>
          <a:bodyPr anchor="ctr"/>
          <a:lstStyle>
            <a:lvl1pPr algn="ctr">
              <a:defRPr sz="6000">
                <a:solidFill>
                  <a:schemeClr val="bg1"/>
                </a:solidFill>
              </a:defRPr>
            </a:lvl1pPr>
          </a:lstStyle>
          <a:p>
            <a:r>
              <a:rPr lang="en-US" dirty="0"/>
              <a:t>Click to add</a:t>
            </a:r>
            <a:br>
              <a:rPr lang="en-US" dirty="0"/>
            </a:br>
            <a:r>
              <a:rPr lang="en-US" dirty="0"/>
              <a:t>divider text</a:t>
            </a:r>
            <a:endParaRPr lang="en-GB" dirty="0"/>
          </a:p>
        </p:txBody>
      </p:sp>
      <p:sp>
        <p:nvSpPr>
          <p:cNvPr id="12" name="Guides" hidden="1">
            <a:extLst>
              <a:ext uri="{FF2B5EF4-FFF2-40B4-BE49-F238E27FC236}">
                <a16:creationId xmlns:a16="http://schemas.microsoft.com/office/drawing/2014/main" id="{7E41A67C-F6B1-8CAD-57F7-9BB4A43DAAA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069565036"/>
      </p:ext>
    </p:extLst>
  </p:cSld>
  <p:clrMapOvr>
    <a:masterClrMapping/>
  </p:clrMapOvr>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_Whit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00D97E52-E01E-DD72-C5C6-AC493A218C68}"/>
              </a:ext>
            </a:extLst>
          </p:cNvPr>
          <p:cNvPicPr>
            <a:picLocks noGrp="1" noRot="1" noChangeAspect="1" noMove="1" noResize="1" noEditPoints="1" noAdjustHandles="1" noChangeArrowheads="1" noChangeShapeType="1" noCrop="1"/>
          </p:cNvPicPr>
          <p:nvPr userDrawn="1"/>
        </p:nvPicPr>
        <p:blipFill>
          <a:blip r:embed="rId3">
            <a:extLst>
              <a:ext uri="{96DAC541-7B7A-43D3-8B79-37D633B846F1}">
                <asvg:svgBlip xmlns:asvg="http://schemas.microsoft.com/office/drawing/2016/SVG/main" r:embed="rId4"/>
              </a:ext>
            </a:extLst>
          </a:blip>
          <a:stretch>
            <a:fillRect/>
          </a:stretch>
        </p:blipFill>
        <p:spPr>
          <a:xfrm>
            <a:off x="2597150" y="0"/>
            <a:ext cx="6997700" cy="6858000"/>
          </a:xfrm>
          <a:prstGeom prst="rect">
            <a:avLst/>
          </a:prstGeom>
        </p:spPr>
      </p:pic>
      <p:sp>
        <p:nvSpPr>
          <p:cNvPr id="2" name="Title 1">
            <a:extLst>
              <a:ext uri="{FF2B5EF4-FFF2-40B4-BE49-F238E27FC236}">
                <a16:creationId xmlns:a16="http://schemas.microsoft.com/office/drawing/2014/main" id="{EE49B112-9556-1925-3202-724BFB1F108C}"/>
              </a:ext>
            </a:extLst>
          </p:cNvPr>
          <p:cNvSpPr>
            <a:spLocks noGrp="1"/>
          </p:cNvSpPr>
          <p:nvPr>
            <p:ph type="title" hasCustomPrompt="1"/>
          </p:nvPr>
        </p:nvSpPr>
        <p:spPr>
          <a:xfrm>
            <a:off x="431998" y="867689"/>
            <a:ext cx="11328002" cy="5040000"/>
          </a:xfrm>
        </p:spPr>
        <p:txBody>
          <a:bodyPr anchor="ctr"/>
          <a:lstStyle>
            <a:lvl1pPr algn="ctr">
              <a:defRPr sz="6000">
                <a:solidFill>
                  <a:schemeClr val="bg2"/>
                </a:solidFill>
              </a:defRPr>
            </a:lvl1pPr>
          </a:lstStyle>
          <a:p>
            <a:r>
              <a:rPr lang="en-GB" dirty="0"/>
              <a:t>Click to add</a:t>
            </a:r>
            <a:br>
              <a:rPr lang="en-GB" dirty="0"/>
            </a:br>
            <a:r>
              <a:rPr lang="en-GB" dirty="0"/>
              <a:t>divider text</a:t>
            </a:r>
          </a:p>
        </p:txBody>
      </p:sp>
      <p:sp>
        <p:nvSpPr>
          <p:cNvPr id="12" name="Guides" hidden="1">
            <a:extLst>
              <a:ext uri="{FF2B5EF4-FFF2-40B4-BE49-F238E27FC236}">
                <a16:creationId xmlns:a16="http://schemas.microsoft.com/office/drawing/2014/main" id="{AEA81EC6-F6AC-98CC-9FEE-F44660B838C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157176061"/>
      </p:ext>
    </p:extLst>
  </p:cSld>
  <p:clrMapOvr>
    <a:masterClrMapping/>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0626" y="1060450"/>
            <a:ext cx="5324062" cy="504000"/>
          </a:xfrm>
        </p:spPr>
        <p:txBody>
          <a:bodyPr anchor="ctr">
            <a:normAutofit/>
          </a:bodyPr>
          <a:lstStyle>
            <a:lvl1pPr marL="0" indent="0">
              <a:buNone/>
              <a:defRPr sz="24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0626" y="1581563"/>
            <a:ext cx="5324062" cy="4519200"/>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4">
            <a:extLst>
              <a:ext uri="{FF2B5EF4-FFF2-40B4-BE49-F238E27FC236}">
                <a16:creationId xmlns:a16="http://schemas.microsoft.com/office/drawing/2014/main" id="{A3EEE4A6-0FDD-9212-913D-B2FEF0606225}"/>
              </a:ext>
            </a:extLst>
          </p:cNvPr>
          <p:cNvSpPr>
            <a:spLocks noGrp="1"/>
          </p:cNvSpPr>
          <p:nvPr>
            <p:ph type="body" sz="quarter" idx="3" hasCustomPrompt="1"/>
          </p:nvPr>
        </p:nvSpPr>
        <p:spPr>
          <a:xfrm>
            <a:off x="6437312" y="1060450"/>
            <a:ext cx="5320613" cy="504000"/>
          </a:xfrm>
        </p:spPr>
        <p:txBody>
          <a:bodyPr anchor="ctr">
            <a:normAutofit/>
          </a:bodyPr>
          <a:lstStyle>
            <a:lvl1pPr marL="0" indent="0">
              <a:buNone/>
              <a:defRPr sz="24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p>
        </p:txBody>
      </p:sp>
      <p:sp>
        <p:nvSpPr>
          <p:cNvPr id="6" name="Content Placeholder 5">
            <a:extLst>
              <a:ext uri="{FF2B5EF4-FFF2-40B4-BE49-F238E27FC236}">
                <a16:creationId xmlns:a16="http://schemas.microsoft.com/office/drawing/2014/main" id="{C6445E0B-CCBA-A542-405F-7F1E8D462735}"/>
              </a:ext>
            </a:extLst>
          </p:cNvPr>
          <p:cNvSpPr>
            <a:spLocks noGrp="1"/>
          </p:cNvSpPr>
          <p:nvPr>
            <p:ph sz="quarter" idx="4" hasCustomPrompt="1"/>
          </p:nvPr>
        </p:nvSpPr>
        <p:spPr>
          <a:xfrm>
            <a:off x="6438001" y="1581563"/>
            <a:ext cx="5320612" cy="4519201"/>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 name="Footer Placeholder 1">
            <a:extLst>
              <a:ext uri="{FF2B5EF4-FFF2-40B4-BE49-F238E27FC236}">
                <a16:creationId xmlns:a16="http://schemas.microsoft.com/office/drawing/2014/main" id="{F30BAE59-C3A6-D340-5552-5ACBBC20F3C7}"/>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7" name="Slide Number Placeholder 6">
            <a:extLst>
              <a:ext uri="{FF2B5EF4-FFF2-40B4-BE49-F238E27FC236}">
                <a16:creationId xmlns:a16="http://schemas.microsoft.com/office/drawing/2014/main" id="{CAB0EA9F-C9B1-282B-8941-23AEF86A9C4E}"/>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7" name="Guides" hidden="1">
            <a:extLst>
              <a:ext uri="{FF2B5EF4-FFF2-40B4-BE49-F238E27FC236}">
                <a16:creationId xmlns:a16="http://schemas.microsoft.com/office/drawing/2014/main" id="{DFD2DCE7-3220-9DB7-AFE2-266E2C958152}"/>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Title 7">
            <a:extLst>
              <a:ext uri="{FF2B5EF4-FFF2-40B4-BE49-F238E27FC236}">
                <a16:creationId xmlns:a16="http://schemas.microsoft.com/office/drawing/2014/main" id="{371224C3-E6E9-59C1-82D9-DEBAF5807F61}"/>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315412366"/>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3636" userDrawn="1">
          <p15:clr>
            <a:srgbClr val="FF96FF"/>
          </p15:clr>
        </p15:guide>
        <p15:guide id="9" pos="4044" userDrawn="1">
          <p15:clr>
            <a:srgbClr val="FF96FF"/>
          </p15:clr>
        </p15:guide>
        <p15:guide id="10" pos="7407"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Comparison_Image right">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CA94C63D-77ED-8E83-3CF7-CF53A3ED66DC}"/>
              </a:ext>
            </a:extLst>
          </p:cNvPr>
          <p:cNvSpPr>
            <a:spLocks noGrp="1"/>
          </p:cNvSpPr>
          <p:nvPr>
            <p:ph type="pic" sz="quarter" idx="13" hasCustomPrompt="1"/>
          </p:nvPr>
        </p:nvSpPr>
        <p:spPr>
          <a:xfrm>
            <a:off x="6096000" y="0"/>
            <a:ext cx="6096000" cy="6858000"/>
          </a:xfrm>
          <a:solidFill>
            <a:srgbClr val="F4F4F4"/>
          </a:solidFill>
        </p:spPr>
        <p:txBody>
          <a:bodyPr/>
          <a:lstStyle>
            <a:lvl1pPr>
              <a:defRPr/>
            </a:lvl1pPr>
          </a:lstStyle>
          <a:p>
            <a:r>
              <a:rPr lang="en-US" dirty="0"/>
              <a:t>Select and choose image from Templafy</a:t>
            </a:r>
            <a:endParaRPr lang="en-GB" dirty="0"/>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0625" y="1060450"/>
            <a:ext cx="5322687" cy="504000"/>
          </a:xfrm>
        </p:spPr>
        <p:txBody>
          <a:bodyPr anchor="ctr">
            <a:normAutofit/>
          </a:bodyPr>
          <a:lstStyle>
            <a:lvl1pPr marL="0" indent="0">
              <a:buNone/>
              <a:defRPr sz="24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0625" y="1581563"/>
            <a:ext cx="5322687" cy="4600162"/>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 name="Footer Placeholder 1">
            <a:extLst>
              <a:ext uri="{FF2B5EF4-FFF2-40B4-BE49-F238E27FC236}">
                <a16:creationId xmlns:a16="http://schemas.microsoft.com/office/drawing/2014/main" id="{9144D86E-89C3-8146-C4B1-B9AB8D52BF93}"/>
              </a:ext>
            </a:extLst>
          </p:cNvPr>
          <p:cNvSpPr>
            <a:spLocks noGrp="1"/>
          </p:cNvSpPr>
          <p:nvPr>
            <p:ph type="ftr" sz="quarter" idx="17"/>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5" name="Slide Number Placeholder 4">
            <a:extLst>
              <a:ext uri="{FF2B5EF4-FFF2-40B4-BE49-F238E27FC236}">
                <a16:creationId xmlns:a16="http://schemas.microsoft.com/office/drawing/2014/main" id="{F4D5D006-25C6-069C-FD26-2AEAB6B29B12}"/>
              </a:ext>
            </a:extLst>
          </p:cNvPr>
          <p:cNvSpPr>
            <a:spLocks noGrp="1"/>
          </p:cNvSpPr>
          <p:nvPr>
            <p:ph type="sldNum" sz="quarter" idx="18"/>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7" name="Guides" hidden="1">
            <a:extLst>
              <a:ext uri="{FF2B5EF4-FFF2-40B4-BE49-F238E27FC236}">
                <a16:creationId xmlns:a16="http://schemas.microsoft.com/office/drawing/2014/main" id="{B311900C-3FAD-C9F6-71A2-9727D560613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9" name="Title 18">
            <a:extLst>
              <a:ext uri="{FF2B5EF4-FFF2-40B4-BE49-F238E27FC236}">
                <a16:creationId xmlns:a16="http://schemas.microsoft.com/office/drawing/2014/main" id="{A174E319-B28E-B43E-63A9-61C9E52DD4D3}"/>
              </a:ext>
            </a:extLst>
          </p:cNvPr>
          <p:cNvSpPr>
            <a:spLocks noGrp="1"/>
          </p:cNvSpPr>
          <p:nvPr>
            <p:ph type="title"/>
          </p:nvPr>
        </p:nvSpPr>
        <p:spPr>
          <a:xfrm>
            <a:off x="432000" y="324000"/>
            <a:ext cx="5322687" cy="450000"/>
          </a:xfrm>
        </p:spPr>
        <p:txBody>
          <a:bodyPr/>
          <a:lstStyle/>
          <a:p>
            <a:r>
              <a:rPr lang="en-US" dirty="0"/>
              <a:t>Click to edit Master title style</a:t>
            </a:r>
            <a:endParaRPr lang="en-GB" dirty="0"/>
          </a:p>
        </p:txBody>
      </p:sp>
      <p:pic>
        <p:nvPicPr>
          <p:cNvPr id="6" name="Graphic 5">
            <a:extLst>
              <a:ext uri="{FF2B5EF4-FFF2-40B4-BE49-F238E27FC236}">
                <a16:creationId xmlns:a16="http://schemas.microsoft.com/office/drawing/2014/main" id="{DB7D864B-E35B-0FD7-EA76-FD8BD96DC60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297142" y="324000"/>
            <a:ext cx="462858" cy="450000"/>
          </a:xfrm>
          <a:prstGeom prst="rect">
            <a:avLst/>
          </a:prstGeom>
        </p:spPr>
      </p:pic>
    </p:spTree>
    <p:extLst>
      <p:ext uri="{BB962C8B-B14F-4D97-AF65-F5344CB8AC3E}">
        <p14:creationId xmlns:p14="http://schemas.microsoft.com/office/powerpoint/2010/main" val="3583565843"/>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Comparison_Graphic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77EE97D-A2EF-F9E0-04FF-E33D1E4B6A88}"/>
              </a:ext>
            </a:extLst>
          </p:cNvPr>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0626" y="1060450"/>
            <a:ext cx="5324062" cy="504000"/>
          </a:xfrm>
        </p:spPr>
        <p:txBody>
          <a:bodyPr anchor="ctr">
            <a:normAutofit/>
          </a:bodyPr>
          <a:lstStyle>
            <a:lvl1pPr marL="0" indent="0">
              <a:buNone/>
              <a:defRPr sz="2400" b="1">
                <a:solidFill>
                  <a:schemeClr val="bg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0626" y="1581563"/>
            <a:ext cx="5324062" cy="4519200"/>
          </a:xfrm>
        </p:spPr>
        <p:txBody>
          <a:bodyPr/>
          <a:lstStyle>
            <a:lvl1pPr marL="0" indent="0">
              <a:buNone/>
              <a:defRPr sz="1800">
                <a:solidFill>
                  <a:schemeClr val="accent2"/>
                </a:solidFill>
              </a:defRPr>
            </a:lvl1pPr>
            <a:lvl2pPr marL="0" indent="0">
              <a:buFont typeface="Arial" panose="020B0604020202020204" pitchFamily="34" charset="0"/>
              <a:buNone/>
              <a:defRPr sz="1400"/>
            </a:lvl2pPr>
            <a:lvl3pPr marL="171450" indent="-171450">
              <a:buFont typeface="Arial" panose="020B0604020202020204" pitchFamily="34" charset="0"/>
              <a:buChar char="•"/>
              <a:defRPr sz="1400"/>
            </a:lvl3pPr>
            <a:lvl4pPr marL="171450" indent="-171450">
              <a:buFont typeface="Arial" panose="020B0604020202020204" pitchFamily="34" charset="0"/>
              <a:buChar char="•"/>
              <a:defRPr/>
            </a:lvl4pPr>
            <a:lvl5pPr marL="171450" indent="-171450">
              <a:buFont typeface="Arial" panose="020B0604020202020204" pitchFamily="34" charset="0"/>
              <a:buChar char="•"/>
              <a:defRPr/>
            </a:lvl5pPr>
            <a:lvl6pPr marL="360000" indent="-180000">
              <a:buFont typeface="Arial" panose="020B0604020202020204" pitchFamily="34" charset="0"/>
              <a:buChar char="−"/>
              <a:defRPr sz="1600"/>
            </a:lvl6pPr>
          </a:lstStyle>
          <a:p>
            <a:pPr lvl="0"/>
            <a:r>
              <a:rPr lang="en-US" dirty="0"/>
              <a:t>First level</a:t>
            </a:r>
          </a:p>
          <a:p>
            <a:pPr lvl="1"/>
            <a:r>
              <a:rPr lang="en-US" dirty="0"/>
              <a:t>Second level</a:t>
            </a:r>
          </a:p>
          <a:p>
            <a:pPr lvl="2"/>
            <a:r>
              <a:rPr lang="en-US" dirty="0"/>
              <a:t>Third level</a:t>
            </a:r>
          </a:p>
          <a:p>
            <a:pPr lvl="5"/>
            <a:r>
              <a:rPr lang="en-US" dirty="0"/>
              <a:t>Fourth level</a:t>
            </a:r>
          </a:p>
        </p:txBody>
      </p:sp>
      <p:pic>
        <p:nvPicPr>
          <p:cNvPr id="13" name="Graphic 12">
            <a:extLst>
              <a:ext uri="{FF2B5EF4-FFF2-40B4-BE49-F238E27FC236}">
                <a16:creationId xmlns:a16="http://schemas.microsoft.com/office/drawing/2014/main" id="{0BA4139A-D3E4-19ED-8A31-824F74F50AF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295755" y="324000"/>
            <a:ext cx="462858" cy="450000"/>
          </a:xfrm>
          <a:prstGeom prst="rect">
            <a:avLst/>
          </a:prstGeom>
        </p:spPr>
      </p:pic>
      <p:sp>
        <p:nvSpPr>
          <p:cNvPr id="6" name="Content Placeholder 5">
            <a:extLst>
              <a:ext uri="{FF2B5EF4-FFF2-40B4-BE49-F238E27FC236}">
                <a16:creationId xmlns:a16="http://schemas.microsoft.com/office/drawing/2014/main" id="{996889CC-2822-30BE-5217-D1CD724A8AD4}"/>
              </a:ext>
            </a:extLst>
          </p:cNvPr>
          <p:cNvSpPr>
            <a:spLocks noGrp="1"/>
          </p:cNvSpPr>
          <p:nvPr>
            <p:ph sz="quarter" idx="13" hasCustomPrompt="1"/>
          </p:nvPr>
        </p:nvSpPr>
        <p:spPr>
          <a:xfrm>
            <a:off x="6438001" y="1581563"/>
            <a:ext cx="5320612" cy="4519200"/>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Footer Placeholder 4">
            <a:extLst>
              <a:ext uri="{FF2B5EF4-FFF2-40B4-BE49-F238E27FC236}">
                <a16:creationId xmlns:a16="http://schemas.microsoft.com/office/drawing/2014/main" id="{78BE51DD-3081-0092-7C9A-EAEF81E23CA0}"/>
              </a:ext>
            </a:extLst>
          </p:cNvPr>
          <p:cNvSpPr>
            <a:spLocks noGrp="1"/>
          </p:cNvSpPr>
          <p:nvPr>
            <p:ph type="ftr" sz="quarter" idx="14"/>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7" name="Slide Number Placeholder 6">
            <a:extLst>
              <a:ext uri="{FF2B5EF4-FFF2-40B4-BE49-F238E27FC236}">
                <a16:creationId xmlns:a16="http://schemas.microsoft.com/office/drawing/2014/main" id="{30571DA5-F321-AA73-A363-FDFEC3D5CFCC}"/>
              </a:ext>
            </a:extLst>
          </p:cNvPr>
          <p:cNvSpPr>
            <a:spLocks noGrp="1"/>
          </p:cNvSpPr>
          <p:nvPr>
            <p:ph type="sldNum" sz="quarter" idx="15"/>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8" name="Guides" hidden="1">
            <a:extLst>
              <a:ext uri="{FF2B5EF4-FFF2-40B4-BE49-F238E27FC236}">
                <a16:creationId xmlns:a16="http://schemas.microsoft.com/office/drawing/2014/main" id="{6FEE2F9C-80CA-0AAD-7F91-ED6FD85584F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9" name="Title 18">
            <a:extLst>
              <a:ext uri="{FF2B5EF4-FFF2-40B4-BE49-F238E27FC236}">
                <a16:creationId xmlns:a16="http://schemas.microsoft.com/office/drawing/2014/main" id="{A5B7E437-E1F5-200D-C602-6AE47F4557F6}"/>
              </a:ext>
            </a:extLst>
          </p:cNvPr>
          <p:cNvSpPr>
            <a:spLocks noGrp="1"/>
          </p:cNvSpPr>
          <p:nvPr>
            <p:ph type="title"/>
          </p:nvPr>
        </p:nvSpPr>
        <p:spPr>
          <a:xfrm>
            <a:off x="432000" y="324000"/>
            <a:ext cx="5322687" cy="450000"/>
          </a:xfrm>
        </p:spPr>
        <p:txBody>
          <a:bodyPr/>
          <a:lstStyle/>
          <a:p>
            <a:r>
              <a:rPr lang="en-US"/>
              <a:t>Click to edit Master title style</a:t>
            </a:r>
            <a:endParaRPr lang="en-GB"/>
          </a:p>
        </p:txBody>
      </p:sp>
    </p:spTree>
    <p:extLst>
      <p:ext uri="{BB962C8B-B14F-4D97-AF65-F5344CB8AC3E}">
        <p14:creationId xmlns:p14="http://schemas.microsoft.com/office/powerpoint/2010/main" val="3228955881"/>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Comparison_Statistic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77EE97D-A2EF-F9E0-04FF-E33D1E4B6A88}"/>
              </a:ext>
            </a:extLst>
          </p:cNvPr>
          <p:cNvSpPr>
            <a:spLocks noGrp="1" noRot="1" noMove="1" noResize="1" noEditPoints="1" noAdjustHandles="1" noChangeArrowheads="1" noChangeShapeType="1"/>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1800" y="1050956"/>
            <a:ext cx="5322887" cy="504000"/>
          </a:xfrm>
        </p:spPr>
        <p:txBody>
          <a:bodyPr anchor="ctr">
            <a:normAutofit/>
          </a:bodyPr>
          <a:lstStyle>
            <a:lvl1pPr marL="0" indent="0">
              <a:buNone/>
              <a:defRPr sz="2400" b="1">
                <a:solidFill>
                  <a:schemeClr val="tx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1800" y="1572069"/>
            <a:ext cx="5322887" cy="4528694"/>
          </a:xfrm>
        </p:spPr>
        <p:txBody>
          <a:bodyPr/>
          <a:lstStyle>
            <a:lvl1pPr>
              <a:defRPr/>
            </a:lvl1pPr>
            <a:lvl5pPr>
              <a:defRPr/>
            </a:lvl5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endParaRPr lang="en-GB" dirty="0"/>
          </a:p>
        </p:txBody>
      </p:sp>
      <p:pic>
        <p:nvPicPr>
          <p:cNvPr id="13" name="Graphic 12">
            <a:extLst>
              <a:ext uri="{FF2B5EF4-FFF2-40B4-BE49-F238E27FC236}">
                <a16:creationId xmlns:a16="http://schemas.microsoft.com/office/drawing/2014/main" id="{0BA4139A-D3E4-19ED-8A31-824F74F50AF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297142" y="324000"/>
            <a:ext cx="462858" cy="450000"/>
          </a:xfrm>
          <a:prstGeom prst="rect">
            <a:avLst/>
          </a:prstGeom>
        </p:spPr>
      </p:pic>
      <p:sp>
        <p:nvSpPr>
          <p:cNvPr id="8" name="Text Placeholder 7">
            <a:extLst>
              <a:ext uri="{FF2B5EF4-FFF2-40B4-BE49-F238E27FC236}">
                <a16:creationId xmlns:a16="http://schemas.microsoft.com/office/drawing/2014/main" id="{C305FDDD-E408-1BAC-1F05-4338D6D57FCC}"/>
              </a:ext>
            </a:extLst>
          </p:cNvPr>
          <p:cNvSpPr>
            <a:spLocks noGrp="1"/>
          </p:cNvSpPr>
          <p:nvPr>
            <p:ph type="body" sz="quarter" idx="16" hasCustomPrompt="1"/>
          </p:nvPr>
        </p:nvSpPr>
        <p:spPr>
          <a:xfrm>
            <a:off x="7232029" y="1404730"/>
            <a:ext cx="3823943" cy="4264230"/>
          </a:xfrm>
        </p:spPr>
        <p:txBody>
          <a:bodyPr anchor="ctr"/>
          <a:lstStyle>
            <a:lvl1pPr marL="0" indent="0" algn="ctr">
              <a:buNone/>
              <a:defRPr sz="3600" b="1" cap="all" spc="200" baseline="0">
                <a:solidFill>
                  <a:schemeClr val="tx2"/>
                </a:solidFill>
                <a:latin typeface="+mn-lt"/>
              </a:defRPr>
            </a:lvl1pPr>
            <a:lvl2pPr marL="0" indent="0" algn="ctr">
              <a:lnSpc>
                <a:spcPct val="80000"/>
              </a:lnSpc>
              <a:spcBef>
                <a:spcPts val="900"/>
              </a:spcBef>
              <a:buNone/>
              <a:defRPr sz="8000" b="1">
                <a:solidFill>
                  <a:schemeClr val="bg2"/>
                </a:solidFill>
              </a:defRPr>
            </a:lvl2pPr>
            <a:lvl3pPr marL="0" indent="0" algn="ctr">
              <a:buNone/>
              <a:defRPr sz="1800">
                <a:solidFill>
                  <a:schemeClr val="tx2"/>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5" name="Footer Placeholder 4">
            <a:extLst>
              <a:ext uri="{FF2B5EF4-FFF2-40B4-BE49-F238E27FC236}">
                <a16:creationId xmlns:a16="http://schemas.microsoft.com/office/drawing/2014/main" id="{D7265FCD-C00D-D1E5-03E1-55B54AC6F7A8}"/>
              </a:ext>
            </a:extLst>
          </p:cNvPr>
          <p:cNvSpPr>
            <a:spLocks noGrp="1"/>
          </p:cNvSpPr>
          <p:nvPr>
            <p:ph type="ftr" sz="quarter" idx="17"/>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6" name="Slide Number Placeholder 5">
            <a:extLst>
              <a:ext uri="{FF2B5EF4-FFF2-40B4-BE49-F238E27FC236}">
                <a16:creationId xmlns:a16="http://schemas.microsoft.com/office/drawing/2014/main" id="{A2DE5538-4907-6314-E80C-4819F5474A3E}"/>
              </a:ext>
            </a:extLst>
          </p:cNvPr>
          <p:cNvSpPr>
            <a:spLocks noGrp="1"/>
          </p:cNvSpPr>
          <p:nvPr>
            <p:ph type="sldNum" sz="quarter" idx="18"/>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8" name="Guides" hidden="1">
            <a:extLst>
              <a:ext uri="{FF2B5EF4-FFF2-40B4-BE49-F238E27FC236}">
                <a16:creationId xmlns:a16="http://schemas.microsoft.com/office/drawing/2014/main" id="{C95C99E9-CFDD-7E01-F96C-2F9C7D5B9A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itle 8">
            <a:extLst>
              <a:ext uri="{FF2B5EF4-FFF2-40B4-BE49-F238E27FC236}">
                <a16:creationId xmlns:a16="http://schemas.microsoft.com/office/drawing/2014/main" id="{DD71533A-D3C1-AD1A-F4D7-E005D0F2F77B}"/>
              </a:ext>
            </a:extLst>
          </p:cNvPr>
          <p:cNvSpPr>
            <a:spLocks noGrp="1"/>
          </p:cNvSpPr>
          <p:nvPr>
            <p:ph type="title"/>
          </p:nvPr>
        </p:nvSpPr>
        <p:spPr>
          <a:xfrm>
            <a:off x="432000" y="324000"/>
            <a:ext cx="5322687" cy="45000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3406285489"/>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ags" Target="../tags/tag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sv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ags" Target="../tags/tag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ags" Target="../tags/tag5.xml"/><Relationship Id="rId10" Type="http://schemas.openxmlformats.org/officeDocument/2006/relationships/slideLayout" Target="../slideLayouts/slideLayout10.xml"/><Relationship Id="rId19"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ags" Target="../tags/tag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DDAF310-3A6D-B10B-0EC6-4E28AA36000C}"/>
              </a:ext>
            </a:extLst>
          </p:cNvPr>
          <p:cNvPicPr>
            <a:picLocks noChangeAspect="1"/>
          </p:cNvPicPr>
          <p:nvPr userDrawn="1"/>
        </p:nvPicPr>
        <p:blipFill>
          <a:blip r:embed="rId24">
            <a:extLst>
              <a:ext uri="{96DAC541-7B7A-43D3-8B79-37D633B846F1}">
                <asvg:svgBlip xmlns:asvg="http://schemas.microsoft.com/office/drawing/2016/SVG/main" r:embed="rId25"/>
              </a:ext>
            </a:extLst>
          </a:blip>
          <a:stretch>
            <a:fillRect/>
          </a:stretch>
        </p:blipFill>
        <p:spPr>
          <a:xfrm>
            <a:off x="11297142" y="324000"/>
            <a:ext cx="462858" cy="450000"/>
          </a:xfrm>
          <a:prstGeom prst="rect">
            <a:avLst/>
          </a:prstGeom>
        </p:spPr>
      </p:pic>
      <p:sp>
        <p:nvSpPr>
          <p:cNvPr id="2" name="Title Placeholder 1">
            <a:extLst>
              <a:ext uri="{FF2B5EF4-FFF2-40B4-BE49-F238E27FC236}">
                <a16:creationId xmlns:a16="http://schemas.microsoft.com/office/drawing/2014/main" id="{E328810C-BE62-E307-ACC6-1614B7738418}"/>
              </a:ext>
            </a:extLst>
          </p:cNvPr>
          <p:cNvSpPr>
            <a:spLocks noGrp="1"/>
          </p:cNvSpPr>
          <p:nvPr>
            <p:ph type="title"/>
            <p:custDataLst>
              <p:tags r:id="rId20"/>
            </p:custDataLst>
          </p:nvPr>
        </p:nvSpPr>
        <p:spPr>
          <a:xfrm>
            <a:off x="432000" y="324000"/>
            <a:ext cx="10452484" cy="450000"/>
          </a:xfrm>
          <a:prstGeom prst="rect">
            <a:avLst/>
          </a:prstGeom>
        </p:spPr>
        <p:txBody>
          <a:bodyPr vert="horz" lIns="0" tIns="0" rIns="0" bIns="0" rtlCol="0" anchor="t">
            <a:normAutofit/>
          </a:bodyPr>
          <a:lstStyle/>
          <a:p>
            <a:r>
              <a:rPr lang="en-US" dirty="0"/>
              <a:t>Click to add title</a:t>
            </a:r>
            <a:endParaRPr lang="en-GB" dirty="0"/>
          </a:p>
        </p:txBody>
      </p:sp>
      <p:sp>
        <p:nvSpPr>
          <p:cNvPr id="3" name="Text Placeholder 2">
            <a:extLst>
              <a:ext uri="{FF2B5EF4-FFF2-40B4-BE49-F238E27FC236}">
                <a16:creationId xmlns:a16="http://schemas.microsoft.com/office/drawing/2014/main" id="{EBD11C1E-67AE-8F13-3746-CF458531E047}"/>
              </a:ext>
            </a:extLst>
          </p:cNvPr>
          <p:cNvSpPr>
            <a:spLocks noGrp="1"/>
          </p:cNvSpPr>
          <p:nvPr>
            <p:ph type="body" idx="1"/>
            <p:custDataLst>
              <p:tags r:id="rId21"/>
            </p:custDataLst>
          </p:nvPr>
        </p:nvSpPr>
        <p:spPr>
          <a:xfrm>
            <a:off x="432000" y="1061999"/>
            <a:ext cx="11328000" cy="5040000"/>
          </a:xfrm>
          <a:prstGeom prst="rect">
            <a:avLst/>
          </a:prstGeom>
        </p:spPr>
        <p:txBody>
          <a:bodyPr vert="horz" lIns="0" tIns="0" rIns="0" bIns="0" rtlCol="0">
            <a:normAutofit/>
          </a:body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endParaRPr lang="en-GB" dirty="0"/>
          </a:p>
        </p:txBody>
      </p:sp>
      <p:sp>
        <p:nvSpPr>
          <p:cNvPr id="5" name="Footer Placeholder 4">
            <a:extLst>
              <a:ext uri="{FF2B5EF4-FFF2-40B4-BE49-F238E27FC236}">
                <a16:creationId xmlns:a16="http://schemas.microsoft.com/office/drawing/2014/main" id="{0E53B6D4-4FC3-87D4-889F-5ACF4F3B1ADD}"/>
              </a:ext>
            </a:extLst>
          </p:cNvPr>
          <p:cNvSpPr>
            <a:spLocks noGrp="1"/>
          </p:cNvSpPr>
          <p:nvPr>
            <p:ph type="ftr" sz="quarter" idx="3"/>
            <p:custDataLst>
              <p:tags r:id="rId22"/>
            </p:custDataLst>
          </p:nvPr>
        </p:nvSpPr>
        <p:spPr>
          <a:xfrm>
            <a:off x="430625" y="6312875"/>
            <a:ext cx="2198275" cy="365125"/>
          </a:xfrm>
          <a:prstGeom prst="rect">
            <a:avLst/>
          </a:prstGeom>
        </p:spPr>
        <p:txBody>
          <a:bodyPr vert="horz" lIns="0" tIns="0" rIns="0" bIns="0" rtlCol="0" anchor="ctr"/>
          <a:lstStyle>
            <a:lvl1pPr algn="l">
              <a:defRPr sz="1800" b="1">
                <a:solidFill>
                  <a:srgbClr val="EBE4F3"/>
                </a:solidFill>
              </a:defRPr>
            </a:lvl1pPr>
          </a:lstStyle>
          <a:p>
            <a:r>
              <a:rPr lang="en-GB" dirty="0"/>
              <a:t>Transforming Lives</a:t>
            </a:r>
            <a:r>
              <a:rPr lang="en-GB" dirty="0">
                <a:latin typeface="Avenir Next LT Pro" panose="020B0504020202020204" pitchFamily="34" charset="0"/>
              </a:rPr>
              <a:t>.</a:t>
            </a:r>
          </a:p>
        </p:txBody>
      </p:sp>
      <p:sp>
        <p:nvSpPr>
          <p:cNvPr id="6" name="Slide Number Placeholder 5">
            <a:extLst>
              <a:ext uri="{FF2B5EF4-FFF2-40B4-BE49-F238E27FC236}">
                <a16:creationId xmlns:a16="http://schemas.microsoft.com/office/drawing/2014/main" id="{1B73AA8E-C51A-99A2-862F-04260BE2AE3C}"/>
              </a:ext>
            </a:extLst>
          </p:cNvPr>
          <p:cNvSpPr>
            <a:spLocks noGrp="1"/>
          </p:cNvSpPr>
          <p:nvPr>
            <p:ph type="sldNum" sz="quarter" idx="4"/>
          </p:nvPr>
        </p:nvSpPr>
        <p:spPr>
          <a:xfrm>
            <a:off x="10401300" y="6312875"/>
            <a:ext cx="1358700" cy="365125"/>
          </a:xfrm>
          <a:prstGeom prst="rect">
            <a:avLst/>
          </a:prstGeom>
        </p:spPr>
        <p:txBody>
          <a:bodyPr vert="horz" lIns="0" tIns="0" rIns="0" bIns="0" rtlCol="0" anchor="ctr"/>
          <a:lstStyle>
            <a:lvl1pPr algn="r">
              <a:defRPr sz="2200" b="1" baseline="0">
                <a:solidFill>
                  <a:srgbClr val="EBE4F3"/>
                </a:solidFill>
              </a:defRPr>
            </a:lvl1pPr>
          </a:lstStyle>
          <a:p>
            <a:fld id="{C855AFFB-64D9-4FA4-905E-E079B4C44CCB}" type="slidenum">
              <a:rPr lang="en-GB" sz="1800" smtClean="0"/>
              <a:pPr/>
              <a:t>‹#›</a:t>
            </a:fld>
            <a:r>
              <a:rPr lang="en-GB" dirty="0">
                <a:latin typeface="Avenir Next LT Pro" panose="020B0504020202020204" pitchFamily="34" charset="0"/>
              </a:rPr>
              <a:t>.</a:t>
            </a:r>
          </a:p>
        </p:txBody>
      </p:sp>
      <p:sp>
        <p:nvSpPr>
          <p:cNvPr id="24" name="Guides" hidden="1">
            <a:extLst>
              <a:ext uri="{FF2B5EF4-FFF2-40B4-BE49-F238E27FC236}">
                <a16:creationId xmlns:a16="http://schemas.microsoft.com/office/drawing/2014/main" id="{FCB483E3-16F4-8225-9A99-B09316AF1660}"/>
              </a:ext>
            </a:extLst>
          </p:cNvPr>
          <p:cNvSpPr/>
          <p:nvPr userDrawn="1">
            <p:custDataLst>
              <p:tags r:id="rId23"/>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547063989"/>
      </p:ext>
    </p:extLst>
  </p:cSld>
  <p:clrMap bg1="lt1" tx1="dk1" bg2="lt2" tx2="dk2" accent1="accent1" accent2="accent2" accent3="accent3" accent4="accent4" accent5="accent5" accent6="accent6" hlink="hlink" folHlink="folHlink"/>
  <p:sldLayoutIdLst>
    <p:sldLayoutId id="2147483649" r:id="rId1"/>
    <p:sldLayoutId id="2147483660" r:id="rId2"/>
    <p:sldLayoutId id="2147483650" r:id="rId3"/>
    <p:sldLayoutId id="2147483651" r:id="rId4"/>
    <p:sldLayoutId id="2147483661" r:id="rId5"/>
    <p:sldLayoutId id="2147483653" r:id="rId6"/>
    <p:sldLayoutId id="2147483662" r:id="rId7"/>
    <p:sldLayoutId id="2147483665" r:id="rId8"/>
    <p:sldLayoutId id="2147483669" r:id="rId9"/>
    <p:sldLayoutId id="2147483670" r:id="rId10"/>
    <p:sldLayoutId id="2147483666" r:id="rId11"/>
    <p:sldLayoutId id="2147483667" r:id="rId12"/>
    <p:sldLayoutId id="2147483668" r:id="rId13"/>
    <p:sldLayoutId id="2147483652" r:id="rId14"/>
    <p:sldLayoutId id="2147483654" r:id="rId15"/>
    <p:sldLayoutId id="2147483655" r:id="rId16"/>
    <p:sldLayoutId id="2147483663" r:id="rId17"/>
    <p:sldLayoutId id="2147483664" r:id="rId18"/>
  </p:sldLayoutIdLst>
  <p:hf hdr="0" dt="0"/>
  <p:txStyles>
    <p:titleStyle>
      <a:lvl1pPr algn="l" defTabSz="914400" rtl="0" eaLnBrk="1" latinLnBrk="0" hangingPunct="1">
        <a:lnSpc>
          <a:spcPct val="90000"/>
        </a:lnSpc>
        <a:spcBef>
          <a:spcPct val="0"/>
        </a:spcBef>
        <a:buNone/>
        <a:defRPr sz="2800" b="1" kern="1200" baseline="0">
          <a:solidFill>
            <a:schemeClr val="bg2"/>
          </a:solidFill>
          <a:latin typeface="+mj-lt"/>
          <a:ea typeface="+mj-ea"/>
          <a:cs typeface="+mj-cs"/>
        </a:defRPr>
      </a:lvl1pPr>
    </p:titleStyle>
    <p:bodyStyle>
      <a:lvl1pPr marL="180000" indent="-180000" algn="l" defTabSz="914400" rtl="0" eaLnBrk="1" latinLnBrk="0" hangingPunct="1">
        <a:lnSpc>
          <a:spcPct val="90000"/>
        </a:lnSpc>
        <a:spcBef>
          <a:spcPts val="600"/>
        </a:spcBef>
        <a:buClr>
          <a:schemeClr val="accent2"/>
        </a:buClr>
        <a:buFont typeface="Arial" panose="020B0604020202020204" pitchFamily="34" charset="0"/>
        <a:buChar char="•"/>
        <a:defRPr sz="1800" kern="1200">
          <a:solidFill>
            <a:schemeClr val="tx1"/>
          </a:solidFill>
          <a:latin typeface="+mn-lt"/>
          <a:ea typeface="+mn-ea"/>
          <a:cs typeface="+mn-cs"/>
        </a:defRPr>
      </a:lvl1pPr>
      <a:lvl2pPr marL="360000" indent="-180000" algn="l" defTabSz="914400" rtl="0" eaLnBrk="1" latinLnBrk="0" hangingPunct="1">
        <a:lnSpc>
          <a:spcPct val="90000"/>
        </a:lnSpc>
        <a:spcBef>
          <a:spcPts val="600"/>
        </a:spcBef>
        <a:buClr>
          <a:schemeClr val="accent2"/>
        </a:buClr>
        <a:buFont typeface="Arial" panose="020B0604020202020204" pitchFamily="34" charset="0"/>
        <a:buChar char="−"/>
        <a:defRPr sz="18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Clr>
          <a:schemeClr val="accent2"/>
        </a:buClr>
        <a:buFont typeface="Arial" panose="020B0604020202020204" pitchFamily="34" charset="0"/>
        <a:buChar char="•"/>
        <a:defRPr sz="1800" kern="1200">
          <a:solidFill>
            <a:schemeClr val="tx1"/>
          </a:solidFill>
          <a:latin typeface="+mn-lt"/>
          <a:ea typeface="+mn-ea"/>
          <a:cs typeface="+mn-cs"/>
        </a:defRPr>
      </a:lvl3pPr>
      <a:lvl4pPr marL="0" indent="-180000" algn="l" defTabSz="914400" rtl="0" eaLnBrk="1" latinLnBrk="0" hangingPunct="1">
        <a:lnSpc>
          <a:spcPct val="90000"/>
        </a:lnSpc>
        <a:spcBef>
          <a:spcPts val="600"/>
        </a:spcBef>
        <a:buClr>
          <a:schemeClr val="accent2"/>
        </a:buClr>
        <a:buFont typeface="Arial" panose="020B0604020202020204" pitchFamily="34" charset="0"/>
        <a:buChar char="•"/>
        <a:defRPr sz="1400" kern="1200">
          <a:solidFill>
            <a:schemeClr val="tx1"/>
          </a:solidFill>
          <a:latin typeface="+mn-lt"/>
          <a:ea typeface="+mn-ea"/>
          <a:cs typeface="+mn-cs"/>
        </a:defRPr>
      </a:lvl4pPr>
      <a:lvl5pPr marL="360000" indent="-180000" algn="l" defTabSz="914400" rtl="0" eaLnBrk="1" latinLnBrk="0" hangingPunct="1">
        <a:lnSpc>
          <a:spcPct val="90000"/>
        </a:lnSpc>
        <a:spcBef>
          <a:spcPts val="600"/>
        </a:spcBef>
        <a:buClr>
          <a:schemeClr val="accent2"/>
        </a:buClr>
        <a:buFont typeface="Arial" panose="020B0604020202020204" pitchFamily="34" charset="0"/>
        <a:buChar char="−"/>
        <a:defRPr sz="1400" kern="1200">
          <a:solidFill>
            <a:schemeClr val="tx1"/>
          </a:solidFill>
          <a:latin typeface="+mn-lt"/>
          <a:ea typeface="+mn-ea"/>
          <a:cs typeface="+mn-cs"/>
        </a:defRPr>
      </a:lvl5pPr>
      <a:lvl6pPr marL="540000" indent="-180000" algn="l" defTabSz="914400" rtl="0" eaLnBrk="1" latinLnBrk="0" hangingPunct="1">
        <a:lnSpc>
          <a:spcPct val="90000"/>
        </a:lnSpc>
        <a:spcBef>
          <a:spcPts val="600"/>
        </a:spcBef>
        <a:buClr>
          <a:schemeClr val="accent2"/>
        </a:buClr>
        <a:buFont typeface="Arial" panose="020B0604020202020204" pitchFamily="34" charset="0"/>
        <a:buChar char="•"/>
        <a:defRPr sz="14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xml"/><Relationship Id="rId1" Type="http://schemas.openxmlformats.org/officeDocument/2006/relationships/customXml" Target="../../customXml/item2.xml"/></Relationships>
</file>

<file path=ppt/slides/_rels/slide10.xml.rels><?xml version="1.0" encoding="UTF-8" standalone="yes"?>
<Relationships xmlns="http://schemas.openxmlformats.org/package/2006/relationships"><Relationship Id="rId8" Type="http://schemas.openxmlformats.org/officeDocument/2006/relationships/image" Target="../media/image30.png"/><Relationship Id="rId13" Type="http://schemas.openxmlformats.org/officeDocument/2006/relationships/image" Target="../media/image35.svg"/><Relationship Id="rId3" Type="http://schemas.openxmlformats.org/officeDocument/2006/relationships/image" Target="../media/image25.svg"/><Relationship Id="rId7" Type="http://schemas.openxmlformats.org/officeDocument/2006/relationships/image" Target="../media/image29.svg"/><Relationship Id="rId12" Type="http://schemas.openxmlformats.org/officeDocument/2006/relationships/image" Target="../media/image34.png"/><Relationship Id="rId2" Type="http://schemas.openxmlformats.org/officeDocument/2006/relationships/image" Target="../media/image24.png"/><Relationship Id="rId1" Type="http://schemas.openxmlformats.org/officeDocument/2006/relationships/slideLayout" Target="../slideLayouts/slideLayout7.xml"/><Relationship Id="rId6" Type="http://schemas.openxmlformats.org/officeDocument/2006/relationships/image" Target="../media/image28.png"/><Relationship Id="rId11" Type="http://schemas.openxmlformats.org/officeDocument/2006/relationships/image" Target="../media/image33.svg"/><Relationship Id="rId5" Type="http://schemas.openxmlformats.org/officeDocument/2006/relationships/image" Target="../media/image27.svg"/><Relationship Id="rId15" Type="http://schemas.openxmlformats.org/officeDocument/2006/relationships/image" Target="../media/image37.svg"/><Relationship Id="rId10" Type="http://schemas.openxmlformats.org/officeDocument/2006/relationships/image" Target="../media/image32.png"/><Relationship Id="rId4" Type="http://schemas.openxmlformats.org/officeDocument/2006/relationships/image" Target="../media/image26.png"/><Relationship Id="rId9" Type="http://schemas.openxmlformats.org/officeDocument/2006/relationships/image" Target="../media/image31.svg"/><Relationship Id="rId14" Type="http://schemas.openxmlformats.org/officeDocument/2006/relationships/image" Target="../media/image36.pn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2.xml.rels><?xml version="1.0" encoding="UTF-8" standalone="yes"?>
<Relationships xmlns="http://schemas.openxmlformats.org/package/2006/relationships"><Relationship Id="rId3" Type="http://schemas.openxmlformats.org/officeDocument/2006/relationships/image" Target="../media/image39.jpeg"/><Relationship Id="rId2" Type="http://schemas.openxmlformats.org/officeDocument/2006/relationships/image" Target="../media/image38.png"/><Relationship Id="rId1" Type="http://schemas.openxmlformats.org/officeDocument/2006/relationships/slideLayout" Target="../slideLayouts/slideLayout14.xml"/></Relationships>
</file>

<file path=ppt/slides/_rels/slide13.xml.rels><?xml version="1.0" encoding="UTF-8" standalone="yes"?>
<Relationships xmlns="http://schemas.openxmlformats.org/package/2006/relationships"><Relationship Id="rId2" Type="http://schemas.openxmlformats.org/officeDocument/2006/relationships/image" Target="../media/image40.jpeg"/><Relationship Id="rId1" Type="http://schemas.openxmlformats.org/officeDocument/2006/relationships/slideLayout" Target="../slideLayouts/slideLayout14.xml"/></Relationships>
</file>

<file path=ppt/slides/_rels/slide14.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14.xml"/></Relationships>
</file>

<file path=ppt/slides/_rels/slide15.xml.rels><?xml version="1.0" encoding="UTF-8" standalone="yes"?>
<Relationships xmlns="http://schemas.openxmlformats.org/package/2006/relationships"><Relationship Id="rId2" Type="http://schemas.openxmlformats.org/officeDocument/2006/relationships/image" Target="../media/image42.jpeg"/><Relationship Id="rId1" Type="http://schemas.openxmlformats.org/officeDocument/2006/relationships/slideLayout" Target="../slideLayouts/slideLayout10.xml"/></Relationships>
</file>

<file path=ppt/slides/_rels/slide16.xml.rels><?xml version="1.0" encoding="UTF-8" standalone="yes"?>
<Relationships xmlns="http://schemas.openxmlformats.org/package/2006/relationships"><Relationship Id="rId2" Type="http://schemas.openxmlformats.org/officeDocument/2006/relationships/image" Target="../media/image43.jpeg"/><Relationship Id="rId1" Type="http://schemas.openxmlformats.org/officeDocument/2006/relationships/slideLayout" Target="../slideLayouts/slideLayout14.xml"/></Relationships>
</file>

<file path=ppt/slides/_rels/slide17.xml.rels><?xml version="1.0" encoding="UTF-8" standalone="yes"?>
<Relationships xmlns="http://schemas.openxmlformats.org/package/2006/relationships"><Relationship Id="rId2" Type="http://schemas.openxmlformats.org/officeDocument/2006/relationships/image" Target="../media/image44.jpeg"/><Relationship Id="rId1" Type="http://schemas.openxmlformats.org/officeDocument/2006/relationships/slideLayout" Target="../slideLayouts/slideLayout10.xml"/></Relationships>
</file>

<file path=ppt/slides/_rels/slide18.xml.rels><?xml version="1.0" encoding="UTF-8" standalone="yes"?>
<Relationships xmlns="http://schemas.openxmlformats.org/package/2006/relationships"><Relationship Id="rId2" Type="http://schemas.openxmlformats.org/officeDocument/2006/relationships/image" Target="../media/image45.png"/><Relationship Id="rId1" Type="http://schemas.openxmlformats.org/officeDocument/2006/relationships/slideLayout" Target="../slideLayouts/slideLayout10.xml"/></Relationships>
</file>

<file path=ppt/slides/_rels/slide19.xml.rels><?xml version="1.0" encoding="UTF-8" standalone="yes"?>
<Relationships xmlns="http://schemas.openxmlformats.org/package/2006/relationships"><Relationship Id="rId2" Type="http://schemas.openxmlformats.org/officeDocument/2006/relationships/image" Target="../media/image46.jpeg"/><Relationship Id="rId1" Type="http://schemas.openxmlformats.org/officeDocument/2006/relationships/slideLayout" Target="../slideLayouts/slideLayout14.xml"/></Relationships>
</file>

<file path=ppt/slides/_rels/slide2.xml.rels><?xml version="1.0" encoding="UTF-8" standalone="yes"?>
<Relationships xmlns="http://schemas.openxmlformats.org/package/2006/relationships"><Relationship Id="rId2" Type="http://schemas.openxmlformats.org/officeDocument/2006/relationships/image" Target="../media/image17.jpeg"/><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14.xml"/></Relationships>
</file>

<file path=ppt/slides/_rels/slide4.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10.xml"/></Relationships>
</file>

<file path=ppt/slides/_rels/slide5.xml.rels><?xml version="1.0" encoding="UTF-8" standalone="yes"?>
<Relationships xmlns="http://schemas.openxmlformats.org/package/2006/relationships"><Relationship Id="rId2" Type="http://schemas.openxmlformats.org/officeDocument/2006/relationships/image" Target="../media/image20.jpg"/><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14.xml"/></Relationships>
</file>

<file path=ppt/slides/_rels/slide7.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14.xml"/></Relationships>
</file>

<file path=ppt/slides/_rels/slide8.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4913B217-6F01-6E81-A111-CBD6EB84EDCA}"/>
              </a:ext>
            </a:extLst>
          </p:cNvPr>
          <p:cNvSpPr>
            <a:spLocks noGrp="1"/>
          </p:cNvSpPr>
          <p:nvPr>
            <p:ph type="ctrTitle"/>
          </p:nvPr>
        </p:nvSpPr>
        <p:spPr>
          <a:xfrm>
            <a:off x="689250" y="2412448"/>
            <a:ext cx="7254600" cy="1620000"/>
          </a:xfrm>
        </p:spPr>
        <p:txBody>
          <a:bodyPr>
            <a:normAutofit/>
          </a:bodyPr>
          <a:lstStyle/>
          <a:p>
            <a:r>
              <a:rPr lang="en-US" dirty="0"/>
              <a:t>Power BI Report Deployment Guidelines</a:t>
            </a:r>
            <a:endParaRPr lang="en-GB" dirty="0"/>
          </a:p>
        </p:txBody>
      </p:sp>
      <p:sp>
        <p:nvSpPr>
          <p:cNvPr id="2" name="Footer Placeholder 1">
            <a:extLst>
              <a:ext uri="{FF2B5EF4-FFF2-40B4-BE49-F238E27FC236}">
                <a16:creationId xmlns:a16="http://schemas.microsoft.com/office/drawing/2014/main" id="{8CAB6A79-F505-4643-86AC-D6A81145C336}"/>
              </a:ext>
            </a:extLst>
          </p:cNvPr>
          <p:cNvSpPr>
            <a:spLocks noGrp="1"/>
          </p:cNvSpPr>
          <p:nvPr>
            <p:ph type="ftr" sz="quarter" idx="11"/>
          </p:nvPr>
        </p:nvSpPr>
        <p:spPr/>
        <p:txBody>
          <a:bodyPr/>
          <a:lstStyle/>
          <a:p>
            <a:r>
              <a:rPr lang="en-GB"/>
              <a:t>Transforming Lives.</a:t>
            </a:r>
            <a:endParaRPr lang="en-GB" dirty="0"/>
          </a:p>
        </p:txBody>
      </p:sp>
      <p:sp>
        <p:nvSpPr>
          <p:cNvPr id="3" name="Slide Number Placeholder 2">
            <a:extLst>
              <a:ext uri="{FF2B5EF4-FFF2-40B4-BE49-F238E27FC236}">
                <a16:creationId xmlns:a16="http://schemas.microsoft.com/office/drawing/2014/main" id="{7E117577-C14B-4538-AA71-10CC3B1FD0CA}"/>
              </a:ext>
            </a:extLst>
          </p:cNvPr>
          <p:cNvSpPr>
            <a:spLocks noGrp="1"/>
          </p:cNvSpPr>
          <p:nvPr>
            <p:ph type="sldNum" sz="quarter" idx="4294967295"/>
          </p:nvPr>
        </p:nvSpPr>
        <p:spPr>
          <a:xfrm>
            <a:off x="10833100" y="6313488"/>
            <a:ext cx="1358900" cy="365125"/>
          </a:xfrm>
        </p:spPr>
        <p:txBody>
          <a:bodyPr/>
          <a:lstStyle/>
          <a:p>
            <a:fld id="{C855AFFB-64D9-4FA4-905E-E079B4C44CCB}" type="slidenum">
              <a:rPr lang="en-GB" smtClean="0"/>
              <a:pPr/>
              <a:t>1</a:t>
            </a:fld>
            <a:r>
              <a:rPr lang="en-GB"/>
              <a:t>.</a:t>
            </a:r>
            <a:endParaRPr lang="en-GB" dirty="0"/>
          </a:p>
        </p:txBody>
      </p:sp>
      <p:sp>
        <p:nvSpPr>
          <p:cNvPr id="7" name="Title 5">
            <a:extLst>
              <a:ext uri="{FF2B5EF4-FFF2-40B4-BE49-F238E27FC236}">
                <a16:creationId xmlns:a16="http://schemas.microsoft.com/office/drawing/2014/main" id="{D3F5F55F-BE78-E502-C116-BF7861483417}"/>
              </a:ext>
            </a:extLst>
          </p:cNvPr>
          <p:cNvSpPr txBox="1">
            <a:spLocks/>
          </p:cNvSpPr>
          <p:nvPr/>
        </p:nvSpPr>
        <p:spPr>
          <a:xfrm>
            <a:off x="689250" y="4445552"/>
            <a:ext cx="7254600" cy="1040848"/>
          </a:xfrm>
          <a:prstGeom prst="rect">
            <a:avLst/>
          </a:prstGeom>
        </p:spPr>
        <p:txBody>
          <a:bodyPr vert="horz" lIns="0" tIns="0" rIns="0" bIns="0" rtlCol="0" anchor="t">
            <a:normAutofit/>
          </a:bodyPr>
          <a:lstStyle>
            <a:lvl1pPr algn="l" defTabSz="914400" rtl="0" eaLnBrk="1" latinLnBrk="0" hangingPunct="1">
              <a:lnSpc>
                <a:spcPct val="90000"/>
              </a:lnSpc>
              <a:spcBef>
                <a:spcPct val="0"/>
              </a:spcBef>
              <a:buNone/>
              <a:defRPr sz="4000" b="1" kern="1200" baseline="0">
                <a:solidFill>
                  <a:schemeClr val="bg1"/>
                </a:solidFill>
                <a:latin typeface="+mj-lt"/>
                <a:ea typeface="+mj-ea"/>
                <a:cs typeface="+mj-cs"/>
              </a:defRPr>
            </a:lvl1pPr>
          </a:lstStyle>
          <a:p>
            <a:pPr>
              <a:lnSpc>
                <a:spcPct val="110000"/>
              </a:lnSpc>
            </a:pPr>
            <a:r>
              <a:rPr lang="en-GB" sz="1600" b="0" dirty="0"/>
              <a:t>November 2024 </a:t>
            </a:r>
          </a:p>
          <a:p>
            <a:pPr>
              <a:lnSpc>
                <a:spcPct val="110000"/>
              </a:lnSpc>
            </a:pPr>
            <a:r>
              <a:rPr lang="en-GB" sz="1600" b="0" dirty="0"/>
              <a:t>Teruyuki Ito</a:t>
            </a:r>
          </a:p>
          <a:p>
            <a:pPr>
              <a:lnSpc>
                <a:spcPct val="110000"/>
              </a:lnSpc>
            </a:pPr>
            <a:r>
              <a:rPr lang="en-GB" sz="1600" b="0" dirty="0">
                <a:effectLst/>
                <a:latin typeface="Arial" panose="020B0604020202020204" pitchFamily="34" charset="0"/>
                <a:ea typeface="Aptos" panose="020B0004020202020204" pitchFamily="34" charset="0"/>
              </a:rPr>
              <a:t>Reporting &amp; Data Visualisation Manager </a:t>
            </a:r>
            <a:endParaRPr lang="en-GB" sz="1600" b="0" dirty="0"/>
          </a:p>
        </p:txBody>
      </p:sp>
    </p:spTree>
    <p:custDataLst>
      <p:custData r:id="rId1"/>
      <p:custData r:id="rId2"/>
    </p:custDataLst>
    <p:extLst>
      <p:ext uri="{BB962C8B-B14F-4D97-AF65-F5344CB8AC3E}">
        <p14:creationId xmlns:p14="http://schemas.microsoft.com/office/powerpoint/2010/main" val="28511346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7"/>
          </p:nvPr>
        </p:nvSpPr>
        <p:spPr>
          <a:xfrm>
            <a:off x="430625" y="6312875"/>
            <a:ext cx="2198275" cy="365125"/>
          </a:xfrm>
        </p:spPr>
        <p:txBody>
          <a:bodyPr anchor="ctr">
            <a:normAutofit/>
          </a:bodyPr>
          <a:lstStyle/>
          <a:p>
            <a:pPr>
              <a:spcAft>
                <a:spcPts val="600"/>
              </a:spcAft>
            </a:pPr>
            <a:r>
              <a:rPr lang="en-GB"/>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8"/>
          </p:nvPr>
        </p:nvSpPr>
        <p:spPr>
          <a:xfrm>
            <a:off x="10401300" y="6312875"/>
            <a:ext cx="1358700" cy="365125"/>
          </a:xfrm>
        </p:spPr>
        <p:txBody>
          <a:bodyPr/>
          <a:lstStyle/>
          <a:p>
            <a:pPr>
              <a:spcAft>
                <a:spcPts val="600"/>
              </a:spcAft>
            </a:pPr>
            <a:fld id="{C855AFFB-64D9-4FA4-905E-E079B4C44CCB}" type="slidenum">
              <a:rPr lang="en-GB" sz="1800" smtClean="0"/>
              <a:pPr>
                <a:spcAft>
                  <a:spcPts val="600"/>
                </a:spcAft>
              </a:pPr>
              <a:t>10</a:t>
            </a:fld>
            <a:r>
              <a:rPr lang="en-GB">
                <a:latin typeface="Avenir Next LT Pro" panose="020B0504020202020204" pitchFamily="34" charset="0"/>
              </a:rPr>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5322687" cy="450000"/>
          </a:xfrm>
        </p:spPr>
        <p:txBody>
          <a:bodyPr anchor="t">
            <a:normAutofit/>
          </a:bodyPr>
          <a:lstStyle/>
          <a:p>
            <a:r>
              <a:rPr lang="en-GB" dirty="0"/>
              <a:t>General Best Practice</a:t>
            </a:r>
          </a:p>
        </p:txBody>
      </p:sp>
      <p:grpSp>
        <p:nvGrpSpPr>
          <p:cNvPr id="46" name="Group 45">
            <a:extLst>
              <a:ext uri="{FF2B5EF4-FFF2-40B4-BE49-F238E27FC236}">
                <a16:creationId xmlns:a16="http://schemas.microsoft.com/office/drawing/2014/main" id="{A6B0CEAE-4185-3DCD-E5FD-246755E237AA}"/>
              </a:ext>
            </a:extLst>
          </p:cNvPr>
          <p:cNvGrpSpPr/>
          <p:nvPr/>
        </p:nvGrpSpPr>
        <p:grpSpPr>
          <a:xfrm>
            <a:off x="482709" y="1315545"/>
            <a:ext cx="11277291" cy="4787962"/>
            <a:chOff x="218375" y="3501269"/>
            <a:chExt cx="24934015" cy="10328238"/>
          </a:xfrm>
        </p:grpSpPr>
        <p:sp>
          <p:nvSpPr>
            <p:cNvPr id="11" name="Freeform 2">
              <a:extLst>
                <a:ext uri="{FF2B5EF4-FFF2-40B4-BE49-F238E27FC236}">
                  <a16:creationId xmlns:a16="http://schemas.microsoft.com/office/drawing/2014/main" id="{2E566C7B-E29B-580C-3012-84B6448DF185}"/>
                </a:ext>
              </a:extLst>
            </p:cNvPr>
            <p:cNvSpPr>
              <a:spLocks noChangeArrowheads="1"/>
            </p:cNvSpPr>
            <p:nvPr/>
          </p:nvSpPr>
          <p:spPr bwMode="auto">
            <a:xfrm>
              <a:off x="337957" y="3868992"/>
              <a:ext cx="304960" cy="440071"/>
            </a:xfrm>
            <a:custGeom>
              <a:avLst/>
              <a:gdLst>
                <a:gd name="T0" fmla="*/ 275 w 349"/>
                <a:gd name="T1" fmla="*/ 178 h 501"/>
                <a:gd name="T2" fmla="*/ 89 w 349"/>
                <a:gd name="T3" fmla="*/ 0 h 501"/>
                <a:gd name="T4" fmla="*/ 0 w 349"/>
                <a:gd name="T5" fmla="*/ 56 h 501"/>
                <a:gd name="T6" fmla="*/ 201 w 349"/>
                <a:gd name="T7" fmla="*/ 250 h 501"/>
                <a:gd name="T8" fmla="*/ 0 w 349"/>
                <a:gd name="T9" fmla="*/ 445 h 501"/>
                <a:gd name="T10" fmla="*/ 89 w 349"/>
                <a:gd name="T11" fmla="*/ 500 h 501"/>
                <a:gd name="T12" fmla="*/ 275 w 349"/>
                <a:gd name="T13" fmla="*/ 321 h 501"/>
                <a:gd name="T14" fmla="*/ 348 w 349"/>
                <a:gd name="T15" fmla="*/ 250 h 501"/>
                <a:gd name="T16" fmla="*/ 275 w 349"/>
                <a:gd name="T17" fmla="*/ 178 h 5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349" h="501">
                  <a:moveTo>
                    <a:pt x="275" y="178"/>
                  </a:moveTo>
                  <a:lnTo>
                    <a:pt x="89" y="0"/>
                  </a:lnTo>
                  <a:lnTo>
                    <a:pt x="0" y="56"/>
                  </a:lnTo>
                  <a:lnTo>
                    <a:pt x="201" y="250"/>
                  </a:lnTo>
                  <a:lnTo>
                    <a:pt x="0" y="445"/>
                  </a:lnTo>
                  <a:lnTo>
                    <a:pt x="89" y="500"/>
                  </a:lnTo>
                  <a:lnTo>
                    <a:pt x="275" y="321"/>
                  </a:lnTo>
                  <a:lnTo>
                    <a:pt x="348" y="250"/>
                  </a:lnTo>
                  <a:lnTo>
                    <a:pt x="275" y="178"/>
                  </a:lnTo>
                </a:path>
              </a:pathLst>
            </a:custGeom>
            <a:solidFill>
              <a:schemeClr val="accent1"/>
            </a:solidFill>
            <a:ln>
              <a:noFill/>
            </a:ln>
            <a:effectLst/>
          </p:spPr>
          <p:txBody>
            <a:bodyPr wrap="none" anchor="ctr"/>
            <a:lstStyle/>
            <a:p>
              <a:endParaRPr lang="en-US" sz="1400" dirty="0">
                <a:latin typeface="Aptos" panose="020B0004020202020204" pitchFamily="34" charset="0"/>
              </a:endParaRPr>
            </a:p>
          </p:txBody>
        </p:sp>
        <p:sp>
          <p:nvSpPr>
            <p:cNvPr id="12" name="Freeform 3">
              <a:extLst>
                <a:ext uri="{FF2B5EF4-FFF2-40B4-BE49-F238E27FC236}">
                  <a16:creationId xmlns:a16="http://schemas.microsoft.com/office/drawing/2014/main" id="{E791990F-5EA7-1F35-930D-05B5CB98D02C}"/>
                </a:ext>
              </a:extLst>
            </p:cNvPr>
            <p:cNvSpPr>
              <a:spLocks noChangeArrowheads="1"/>
            </p:cNvSpPr>
            <p:nvPr/>
          </p:nvSpPr>
          <p:spPr bwMode="auto">
            <a:xfrm>
              <a:off x="24108105" y="3699106"/>
              <a:ext cx="304962" cy="440071"/>
            </a:xfrm>
            <a:custGeom>
              <a:avLst/>
              <a:gdLst>
                <a:gd name="T0" fmla="*/ 73 w 349"/>
                <a:gd name="T1" fmla="*/ 179 h 501"/>
                <a:gd name="T2" fmla="*/ 259 w 349"/>
                <a:gd name="T3" fmla="*/ 0 h 501"/>
                <a:gd name="T4" fmla="*/ 348 w 349"/>
                <a:gd name="T5" fmla="*/ 56 h 501"/>
                <a:gd name="T6" fmla="*/ 147 w 349"/>
                <a:gd name="T7" fmla="*/ 251 h 501"/>
                <a:gd name="T8" fmla="*/ 348 w 349"/>
                <a:gd name="T9" fmla="*/ 445 h 501"/>
                <a:gd name="T10" fmla="*/ 259 w 349"/>
                <a:gd name="T11" fmla="*/ 500 h 501"/>
                <a:gd name="T12" fmla="*/ 73 w 349"/>
                <a:gd name="T13" fmla="*/ 322 h 501"/>
                <a:gd name="T14" fmla="*/ 0 w 349"/>
                <a:gd name="T15" fmla="*/ 251 h 501"/>
                <a:gd name="T16" fmla="*/ 73 w 349"/>
                <a:gd name="T17" fmla="*/ 179 h 5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349" h="501">
                  <a:moveTo>
                    <a:pt x="73" y="179"/>
                  </a:moveTo>
                  <a:lnTo>
                    <a:pt x="259" y="0"/>
                  </a:lnTo>
                  <a:lnTo>
                    <a:pt x="348" y="56"/>
                  </a:lnTo>
                  <a:lnTo>
                    <a:pt x="147" y="251"/>
                  </a:lnTo>
                  <a:lnTo>
                    <a:pt x="348" y="445"/>
                  </a:lnTo>
                  <a:lnTo>
                    <a:pt x="259" y="500"/>
                  </a:lnTo>
                  <a:lnTo>
                    <a:pt x="73" y="322"/>
                  </a:lnTo>
                  <a:lnTo>
                    <a:pt x="0" y="251"/>
                  </a:lnTo>
                  <a:lnTo>
                    <a:pt x="73" y="179"/>
                  </a:lnTo>
                </a:path>
              </a:pathLst>
            </a:custGeom>
            <a:solidFill>
              <a:schemeClr val="accent6"/>
            </a:solidFill>
            <a:ln>
              <a:noFill/>
            </a:ln>
            <a:effectLst/>
          </p:spPr>
          <p:txBody>
            <a:bodyPr wrap="none" anchor="ctr"/>
            <a:lstStyle/>
            <a:p>
              <a:endParaRPr lang="en-US" sz="1400" dirty="0">
                <a:latin typeface="Aptos" panose="020B0004020202020204" pitchFamily="34" charset="0"/>
              </a:endParaRPr>
            </a:p>
          </p:txBody>
        </p:sp>
        <p:sp>
          <p:nvSpPr>
            <p:cNvPr id="13" name="Freeform 4">
              <a:extLst>
                <a:ext uri="{FF2B5EF4-FFF2-40B4-BE49-F238E27FC236}">
                  <a16:creationId xmlns:a16="http://schemas.microsoft.com/office/drawing/2014/main" id="{1956EC69-3143-38F5-7FA1-585913FFE37E}"/>
                </a:ext>
              </a:extLst>
            </p:cNvPr>
            <p:cNvSpPr>
              <a:spLocks noChangeArrowheads="1"/>
            </p:cNvSpPr>
            <p:nvPr/>
          </p:nvSpPr>
          <p:spPr bwMode="auto">
            <a:xfrm>
              <a:off x="227665" y="7114488"/>
              <a:ext cx="304960" cy="440071"/>
            </a:xfrm>
            <a:custGeom>
              <a:avLst/>
              <a:gdLst>
                <a:gd name="T0" fmla="*/ 275 w 349"/>
                <a:gd name="T1" fmla="*/ 179 h 502"/>
                <a:gd name="T2" fmla="*/ 89 w 349"/>
                <a:gd name="T3" fmla="*/ 0 h 502"/>
                <a:gd name="T4" fmla="*/ 0 w 349"/>
                <a:gd name="T5" fmla="*/ 56 h 502"/>
                <a:gd name="T6" fmla="*/ 201 w 349"/>
                <a:gd name="T7" fmla="*/ 250 h 502"/>
                <a:gd name="T8" fmla="*/ 0 w 349"/>
                <a:gd name="T9" fmla="*/ 445 h 502"/>
                <a:gd name="T10" fmla="*/ 89 w 349"/>
                <a:gd name="T11" fmla="*/ 501 h 502"/>
                <a:gd name="T12" fmla="*/ 275 w 349"/>
                <a:gd name="T13" fmla="*/ 321 h 502"/>
                <a:gd name="T14" fmla="*/ 348 w 349"/>
                <a:gd name="T15" fmla="*/ 250 h 502"/>
                <a:gd name="T16" fmla="*/ 275 w 349"/>
                <a:gd name="T17" fmla="*/ 179 h 50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349" h="502">
                  <a:moveTo>
                    <a:pt x="275" y="179"/>
                  </a:moveTo>
                  <a:lnTo>
                    <a:pt x="89" y="0"/>
                  </a:lnTo>
                  <a:lnTo>
                    <a:pt x="0" y="56"/>
                  </a:lnTo>
                  <a:lnTo>
                    <a:pt x="201" y="250"/>
                  </a:lnTo>
                  <a:lnTo>
                    <a:pt x="0" y="445"/>
                  </a:lnTo>
                  <a:lnTo>
                    <a:pt x="89" y="501"/>
                  </a:lnTo>
                  <a:lnTo>
                    <a:pt x="275" y="321"/>
                  </a:lnTo>
                  <a:lnTo>
                    <a:pt x="348" y="250"/>
                  </a:lnTo>
                  <a:lnTo>
                    <a:pt x="275" y="179"/>
                  </a:lnTo>
                </a:path>
              </a:pathLst>
            </a:custGeom>
            <a:solidFill>
              <a:schemeClr val="accent2"/>
            </a:solidFill>
            <a:ln>
              <a:noFill/>
            </a:ln>
            <a:effectLst/>
          </p:spPr>
          <p:txBody>
            <a:bodyPr wrap="none" anchor="ctr"/>
            <a:lstStyle/>
            <a:p>
              <a:endParaRPr lang="en-US" sz="1400" dirty="0">
                <a:latin typeface="Aptos" panose="020B0004020202020204" pitchFamily="34" charset="0"/>
              </a:endParaRPr>
            </a:p>
          </p:txBody>
        </p:sp>
        <p:sp>
          <p:nvSpPr>
            <p:cNvPr id="14" name="Freeform 5">
              <a:extLst>
                <a:ext uri="{FF2B5EF4-FFF2-40B4-BE49-F238E27FC236}">
                  <a16:creationId xmlns:a16="http://schemas.microsoft.com/office/drawing/2014/main" id="{A992D5FE-59F2-98B9-00B7-A65FC09B2E05}"/>
                </a:ext>
              </a:extLst>
            </p:cNvPr>
            <p:cNvSpPr>
              <a:spLocks noChangeArrowheads="1"/>
            </p:cNvSpPr>
            <p:nvPr/>
          </p:nvSpPr>
          <p:spPr bwMode="auto">
            <a:xfrm>
              <a:off x="24016629" y="7622933"/>
              <a:ext cx="304962" cy="440071"/>
            </a:xfrm>
            <a:custGeom>
              <a:avLst/>
              <a:gdLst>
                <a:gd name="T0" fmla="*/ 73 w 349"/>
                <a:gd name="T1" fmla="*/ 179 h 502"/>
                <a:gd name="T2" fmla="*/ 259 w 349"/>
                <a:gd name="T3" fmla="*/ 0 h 502"/>
                <a:gd name="T4" fmla="*/ 348 w 349"/>
                <a:gd name="T5" fmla="*/ 57 h 502"/>
                <a:gd name="T6" fmla="*/ 147 w 349"/>
                <a:gd name="T7" fmla="*/ 250 h 502"/>
                <a:gd name="T8" fmla="*/ 348 w 349"/>
                <a:gd name="T9" fmla="*/ 444 h 502"/>
                <a:gd name="T10" fmla="*/ 259 w 349"/>
                <a:gd name="T11" fmla="*/ 501 h 502"/>
                <a:gd name="T12" fmla="*/ 73 w 349"/>
                <a:gd name="T13" fmla="*/ 321 h 502"/>
                <a:gd name="T14" fmla="*/ 0 w 349"/>
                <a:gd name="T15" fmla="*/ 250 h 502"/>
                <a:gd name="T16" fmla="*/ 73 w 349"/>
                <a:gd name="T17" fmla="*/ 179 h 50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349" h="502">
                  <a:moveTo>
                    <a:pt x="73" y="179"/>
                  </a:moveTo>
                  <a:lnTo>
                    <a:pt x="259" y="0"/>
                  </a:lnTo>
                  <a:lnTo>
                    <a:pt x="348" y="57"/>
                  </a:lnTo>
                  <a:lnTo>
                    <a:pt x="147" y="250"/>
                  </a:lnTo>
                  <a:lnTo>
                    <a:pt x="348" y="444"/>
                  </a:lnTo>
                  <a:lnTo>
                    <a:pt x="259" y="501"/>
                  </a:lnTo>
                  <a:lnTo>
                    <a:pt x="73" y="321"/>
                  </a:lnTo>
                  <a:lnTo>
                    <a:pt x="0" y="250"/>
                  </a:lnTo>
                  <a:lnTo>
                    <a:pt x="73" y="179"/>
                  </a:lnTo>
                </a:path>
              </a:pathLst>
            </a:custGeom>
            <a:solidFill>
              <a:schemeClr val="accent5"/>
            </a:solidFill>
            <a:ln>
              <a:noFill/>
            </a:ln>
            <a:effectLst/>
          </p:spPr>
          <p:txBody>
            <a:bodyPr wrap="none" anchor="ctr"/>
            <a:lstStyle/>
            <a:p>
              <a:endParaRPr lang="en-US" sz="1400" dirty="0">
                <a:latin typeface="Aptos" panose="020B0004020202020204" pitchFamily="34" charset="0"/>
              </a:endParaRPr>
            </a:p>
          </p:txBody>
        </p:sp>
        <p:sp>
          <p:nvSpPr>
            <p:cNvPr id="15" name="Freeform 6">
              <a:extLst>
                <a:ext uri="{FF2B5EF4-FFF2-40B4-BE49-F238E27FC236}">
                  <a16:creationId xmlns:a16="http://schemas.microsoft.com/office/drawing/2014/main" id="{6ECB31E6-8DF1-2934-6FBB-0C414C285DDA}"/>
                </a:ext>
              </a:extLst>
            </p:cNvPr>
            <p:cNvSpPr>
              <a:spLocks noChangeArrowheads="1"/>
            </p:cNvSpPr>
            <p:nvPr/>
          </p:nvSpPr>
          <p:spPr bwMode="auto">
            <a:xfrm>
              <a:off x="234208" y="10697815"/>
              <a:ext cx="304960" cy="440071"/>
            </a:xfrm>
            <a:custGeom>
              <a:avLst/>
              <a:gdLst>
                <a:gd name="T0" fmla="*/ 275 w 349"/>
                <a:gd name="T1" fmla="*/ 180 h 502"/>
                <a:gd name="T2" fmla="*/ 89 w 349"/>
                <a:gd name="T3" fmla="*/ 0 h 502"/>
                <a:gd name="T4" fmla="*/ 0 w 349"/>
                <a:gd name="T5" fmla="*/ 56 h 502"/>
                <a:gd name="T6" fmla="*/ 201 w 349"/>
                <a:gd name="T7" fmla="*/ 251 h 502"/>
                <a:gd name="T8" fmla="*/ 0 w 349"/>
                <a:gd name="T9" fmla="*/ 445 h 502"/>
                <a:gd name="T10" fmla="*/ 89 w 349"/>
                <a:gd name="T11" fmla="*/ 501 h 502"/>
                <a:gd name="T12" fmla="*/ 275 w 349"/>
                <a:gd name="T13" fmla="*/ 322 h 502"/>
                <a:gd name="T14" fmla="*/ 348 w 349"/>
                <a:gd name="T15" fmla="*/ 251 h 502"/>
                <a:gd name="T16" fmla="*/ 275 w 349"/>
                <a:gd name="T17" fmla="*/ 180 h 50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349" h="502">
                  <a:moveTo>
                    <a:pt x="275" y="180"/>
                  </a:moveTo>
                  <a:lnTo>
                    <a:pt x="89" y="0"/>
                  </a:lnTo>
                  <a:lnTo>
                    <a:pt x="0" y="56"/>
                  </a:lnTo>
                  <a:lnTo>
                    <a:pt x="201" y="251"/>
                  </a:lnTo>
                  <a:lnTo>
                    <a:pt x="0" y="445"/>
                  </a:lnTo>
                  <a:lnTo>
                    <a:pt x="89" y="501"/>
                  </a:lnTo>
                  <a:lnTo>
                    <a:pt x="275" y="322"/>
                  </a:lnTo>
                  <a:lnTo>
                    <a:pt x="348" y="251"/>
                  </a:lnTo>
                  <a:lnTo>
                    <a:pt x="275" y="180"/>
                  </a:lnTo>
                </a:path>
              </a:pathLst>
            </a:custGeom>
            <a:solidFill>
              <a:schemeClr val="accent3"/>
            </a:solidFill>
            <a:ln>
              <a:noFill/>
            </a:ln>
            <a:effectLst/>
          </p:spPr>
          <p:txBody>
            <a:bodyPr wrap="none" anchor="ctr"/>
            <a:lstStyle/>
            <a:p>
              <a:endParaRPr lang="en-US" sz="1400" dirty="0">
                <a:latin typeface="Aptos" panose="020B0004020202020204" pitchFamily="34" charset="0"/>
              </a:endParaRPr>
            </a:p>
          </p:txBody>
        </p:sp>
        <p:sp>
          <p:nvSpPr>
            <p:cNvPr id="16" name="Freeform 7">
              <a:extLst>
                <a:ext uri="{FF2B5EF4-FFF2-40B4-BE49-F238E27FC236}">
                  <a16:creationId xmlns:a16="http://schemas.microsoft.com/office/drawing/2014/main" id="{DE503809-76DC-F1C4-2BB8-E8AF705088D5}"/>
                </a:ext>
              </a:extLst>
            </p:cNvPr>
            <p:cNvSpPr>
              <a:spLocks noChangeArrowheads="1"/>
            </p:cNvSpPr>
            <p:nvPr/>
          </p:nvSpPr>
          <p:spPr bwMode="auto">
            <a:xfrm>
              <a:off x="24016629" y="10150108"/>
              <a:ext cx="304962" cy="440071"/>
            </a:xfrm>
            <a:custGeom>
              <a:avLst/>
              <a:gdLst>
                <a:gd name="T0" fmla="*/ 73 w 349"/>
                <a:gd name="T1" fmla="*/ 179 h 502"/>
                <a:gd name="T2" fmla="*/ 259 w 349"/>
                <a:gd name="T3" fmla="*/ 0 h 502"/>
                <a:gd name="T4" fmla="*/ 348 w 349"/>
                <a:gd name="T5" fmla="*/ 56 h 502"/>
                <a:gd name="T6" fmla="*/ 147 w 349"/>
                <a:gd name="T7" fmla="*/ 250 h 502"/>
                <a:gd name="T8" fmla="*/ 348 w 349"/>
                <a:gd name="T9" fmla="*/ 445 h 502"/>
                <a:gd name="T10" fmla="*/ 259 w 349"/>
                <a:gd name="T11" fmla="*/ 501 h 502"/>
                <a:gd name="T12" fmla="*/ 73 w 349"/>
                <a:gd name="T13" fmla="*/ 321 h 502"/>
                <a:gd name="T14" fmla="*/ 0 w 349"/>
                <a:gd name="T15" fmla="*/ 250 h 502"/>
                <a:gd name="T16" fmla="*/ 73 w 349"/>
                <a:gd name="T17" fmla="*/ 179 h 50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349" h="502">
                  <a:moveTo>
                    <a:pt x="73" y="179"/>
                  </a:moveTo>
                  <a:lnTo>
                    <a:pt x="259" y="0"/>
                  </a:lnTo>
                  <a:lnTo>
                    <a:pt x="348" y="56"/>
                  </a:lnTo>
                  <a:lnTo>
                    <a:pt x="147" y="250"/>
                  </a:lnTo>
                  <a:lnTo>
                    <a:pt x="348" y="445"/>
                  </a:lnTo>
                  <a:lnTo>
                    <a:pt x="259" y="501"/>
                  </a:lnTo>
                  <a:lnTo>
                    <a:pt x="73" y="321"/>
                  </a:lnTo>
                  <a:lnTo>
                    <a:pt x="0" y="250"/>
                  </a:lnTo>
                  <a:lnTo>
                    <a:pt x="73" y="179"/>
                  </a:lnTo>
                </a:path>
              </a:pathLst>
            </a:custGeom>
            <a:solidFill>
              <a:schemeClr val="accent4"/>
            </a:solidFill>
            <a:ln>
              <a:noFill/>
            </a:ln>
            <a:effectLst/>
          </p:spPr>
          <p:txBody>
            <a:bodyPr wrap="none" anchor="ctr"/>
            <a:lstStyle/>
            <a:p>
              <a:endParaRPr lang="en-US" sz="1400" dirty="0">
                <a:latin typeface="Aptos" panose="020B0004020202020204" pitchFamily="34" charset="0"/>
              </a:endParaRPr>
            </a:p>
          </p:txBody>
        </p:sp>
        <p:sp>
          <p:nvSpPr>
            <p:cNvPr id="17" name="Freeform 8">
              <a:extLst>
                <a:ext uri="{FF2B5EF4-FFF2-40B4-BE49-F238E27FC236}">
                  <a16:creationId xmlns:a16="http://schemas.microsoft.com/office/drawing/2014/main" id="{1055ACDC-69ED-D563-73AF-FB3CA2EBFF97}"/>
                </a:ext>
              </a:extLst>
            </p:cNvPr>
            <p:cNvSpPr>
              <a:spLocks noChangeArrowheads="1"/>
            </p:cNvSpPr>
            <p:nvPr/>
          </p:nvSpPr>
          <p:spPr bwMode="auto">
            <a:xfrm>
              <a:off x="7608607" y="3617077"/>
              <a:ext cx="9160436" cy="9006027"/>
            </a:xfrm>
            <a:prstGeom prst="roundRect">
              <a:avLst>
                <a:gd name="adj" fmla="val 20390"/>
              </a:avLst>
            </a:prstGeom>
            <a:noFill/>
            <a:ln w="25400" cap="rnd">
              <a:solidFill>
                <a:schemeClr val="tx2"/>
              </a:solidFill>
              <a:prstDash val="lgDash"/>
              <a:round/>
              <a:headEnd/>
              <a:tailEnd/>
            </a:ln>
            <a:effectLst/>
            <a:extLst>
              <a:ext uri="{909E8E84-426E-40DD-AFC4-6F175D3DCCD1}">
                <a14:hiddenFill xmlns:a14="http://schemas.microsoft.com/office/drawing/2010/main">
                  <a:solidFill>
                    <a:srgbClr val="FFFFFF"/>
                  </a:solidFill>
                </a14:hiddenFill>
              </a:ext>
              <a:ext uri="{AF507438-7753-43E0-B8FC-AC1667EBCBE1}">
                <a14:hiddenEffects xmlns:a14="http://schemas.microsoft.com/office/drawing/2010/main">
                  <a:effectLst>
                    <a:outerShdw dist="35921" dir="2700000" algn="ctr" rotWithShape="0">
                      <a:srgbClr val="808080"/>
                    </a:outerShdw>
                  </a:effectLst>
                </a14:hiddenEffects>
              </a:ext>
            </a:extLst>
          </p:spPr>
          <p:txBody>
            <a:bodyPr wrap="none" anchor="ctr"/>
            <a:lstStyle/>
            <a:p>
              <a:endParaRPr lang="en-US" sz="1400" dirty="0">
                <a:latin typeface="Aptos" panose="020B0004020202020204" pitchFamily="34" charset="0"/>
              </a:endParaRPr>
            </a:p>
          </p:txBody>
        </p:sp>
        <p:sp>
          <p:nvSpPr>
            <p:cNvPr id="18" name="Freeform 9">
              <a:extLst>
                <a:ext uri="{FF2B5EF4-FFF2-40B4-BE49-F238E27FC236}">
                  <a16:creationId xmlns:a16="http://schemas.microsoft.com/office/drawing/2014/main" id="{F41BB5DF-D9B6-61BC-B18C-5EE1B4931906}"/>
                </a:ext>
              </a:extLst>
            </p:cNvPr>
            <p:cNvSpPr>
              <a:spLocks noChangeArrowheads="1"/>
            </p:cNvSpPr>
            <p:nvPr/>
          </p:nvSpPr>
          <p:spPr bwMode="auto">
            <a:xfrm>
              <a:off x="12410791" y="4033986"/>
              <a:ext cx="3952924" cy="2675173"/>
            </a:xfrm>
            <a:custGeom>
              <a:avLst/>
              <a:gdLst>
                <a:gd name="T0" fmla="*/ 2029 w 4515"/>
                <a:gd name="T1" fmla="*/ 3056 h 3057"/>
                <a:gd name="T2" fmla="*/ 4514 w 4515"/>
                <a:gd name="T3" fmla="*/ 1622 h 3057"/>
                <a:gd name="T4" fmla="*/ 4514 w 4515"/>
                <a:gd name="T5" fmla="*/ 1622 h 3057"/>
                <a:gd name="T6" fmla="*/ 2879 w 4515"/>
                <a:gd name="T7" fmla="*/ 0 h 3057"/>
                <a:gd name="T8" fmla="*/ 0 w 4515"/>
                <a:gd name="T9" fmla="*/ 0 h 3057"/>
                <a:gd name="T10" fmla="*/ 0 w 4515"/>
                <a:gd name="T11" fmla="*/ 1885 h 3057"/>
                <a:gd name="T12" fmla="*/ 0 w 4515"/>
                <a:gd name="T13" fmla="*/ 1885 h 3057"/>
                <a:gd name="T14" fmla="*/ 2029 w 4515"/>
                <a:gd name="T15" fmla="*/ 3056 h 3057"/>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4515" h="3057">
                  <a:moveTo>
                    <a:pt x="2029" y="3056"/>
                  </a:moveTo>
                  <a:lnTo>
                    <a:pt x="4514" y="1622"/>
                  </a:lnTo>
                  <a:lnTo>
                    <a:pt x="4514" y="1622"/>
                  </a:lnTo>
                  <a:cubicBezTo>
                    <a:pt x="4507" y="729"/>
                    <a:pt x="3774" y="0"/>
                    <a:pt x="2879" y="0"/>
                  </a:cubicBezTo>
                  <a:lnTo>
                    <a:pt x="0" y="0"/>
                  </a:lnTo>
                  <a:lnTo>
                    <a:pt x="0" y="1885"/>
                  </a:lnTo>
                  <a:lnTo>
                    <a:pt x="0" y="1885"/>
                  </a:lnTo>
                  <a:cubicBezTo>
                    <a:pt x="838" y="1961"/>
                    <a:pt x="1569" y="2406"/>
                    <a:pt x="2029" y="3056"/>
                  </a:cubicBezTo>
                </a:path>
              </a:pathLst>
            </a:custGeom>
            <a:solidFill>
              <a:schemeClr val="accent6"/>
            </a:solidFill>
            <a:ln>
              <a:noFill/>
            </a:ln>
            <a:effectLst/>
          </p:spPr>
          <p:txBody>
            <a:bodyPr wrap="none" anchor="ctr"/>
            <a:lstStyle/>
            <a:p>
              <a:endParaRPr lang="en-US" sz="1400" dirty="0">
                <a:latin typeface="Aptos" panose="020B0004020202020204" pitchFamily="34" charset="0"/>
              </a:endParaRPr>
            </a:p>
          </p:txBody>
        </p:sp>
        <p:sp>
          <p:nvSpPr>
            <p:cNvPr id="19" name="Freeform 10">
              <a:extLst>
                <a:ext uri="{FF2B5EF4-FFF2-40B4-BE49-F238E27FC236}">
                  <a16:creationId xmlns:a16="http://schemas.microsoft.com/office/drawing/2014/main" id="{3B3D0FA4-DCA8-2EB5-4B1C-EFC5B21406FD}"/>
                </a:ext>
              </a:extLst>
            </p:cNvPr>
            <p:cNvSpPr>
              <a:spLocks noChangeArrowheads="1"/>
            </p:cNvSpPr>
            <p:nvPr/>
          </p:nvSpPr>
          <p:spPr bwMode="auto">
            <a:xfrm>
              <a:off x="8013935" y="9531021"/>
              <a:ext cx="3952924" cy="2675173"/>
            </a:xfrm>
            <a:custGeom>
              <a:avLst/>
              <a:gdLst>
                <a:gd name="T0" fmla="*/ 2485 w 4515"/>
                <a:gd name="T1" fmla="*/ 0 h 3058"/>
                <a:gd name="T2" fmla="*/ 0 w 4515"/>
                <a:gd name="T3" fmla="*/ 1434 h 3058"/>
                <a:gd name="T4" fmla="*/ 0 w 4515"/>
                <a:gd name="T5" fmla="*/ 1434 h 3058"/>
                <a:gd name="T6" fmla="*/ 1635 w 4515"/>
                <a:gd name="T7" fmla="*/ 3057 h 3058"/>
                <a:gd name="T8" fmla="*/ 4514 w 4515"/>
                <a:gd name="T9" fmla="*/ 3057 h 3058"/>
                <a:gd name="T10" fmla="*/ 4514 w 4515"/>
                <a:gd name="T11" fmla="*/ 1171 h 3058"/>
                <a:gd name="T12" fmla="*/ 4514 w 4515"/>
                <a:gd name="T13" fmla="*/ 1171 h 3058"/>
                <a:gd name="T14" fmla="*/ 2485 w 4515"/>
                <a:gd name="T15" fmla="*/ 0 h 3058"/>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4515" h="3058">
                  <a:moveTo>
                    <a:pt x="2485" y="0"/>
                  </a:moveTo>
                  <a:lnTo>
                    <a:pt x="0" y="1434"/>
                  </a:lnTo>
                  <a:lnTo>
                    <a:pt x="0" y="1434"/>
                  </a:lnTo>
                  <a:cubicBezTo>
                    <a:pt x="7" y="2328"/>
                    <a:pt x="740" y="3057"/>
                    <a:pt x="1635" y="3057"/>
                  </a:cubicBezTo>
                  <a:lnTo>
                    <a:pt x="4514" y="3057"/>
                  </a:lnTo>
                  <a:lnTo>
                    <a:pt x="4514" y="1171"/>
                  </a:lnTo>
                  <a:lnTo>
                    <a:pt x="4514" y="1171"/>
                  </a:lnTo>
                  <a:cubicBezTo>
                    <a:pt x="3675" y="1095"/>
                    <a:pt x="2945" y="650"/>
                    <a:pt x="2485" y="0"/>
                  </a:cubicBezTo>
                </a:path>
              </a:pathLst>
            </a:custGeom>
            <a:solidFill>
              <a:schemeClr val="accent3"/>
            </a:solidFill>
            <a:ln>
              <a:noFill/>
            </a:ln>
            <a:effectLst/>
          </p:spPr>
          <p:txBody>
            <a:bodyPr wrap="none" anchor="ctr"/>
            <a:lstStyle/>
            <a:p>
              <a:endParaRPr lang="en-US" sz="1400" dirty="0">
                <a:latin typeface="Aptos" panose="020B0004020202020204" pitchFamily="34" charset="0"/>
              </a:endParaRPr>
            </a:p>
          </p:txBody>
        </p:sp>
        <p:sp>
          <p:nvSpPr>
            <p:cNvPr id="20" name="Freeform 11">
              <a:extLst>
                <a:ext uri="{FF2B5EF4-FFF2-40B4-BE49-F238E27FC236}">
                  <a16:creationId xmlns:a16="http://schemas.microsoft.com/office/drawing/2014/main" id="{F7060F8F-3BA1-9E8A-E794-A4F560D8AC9F}"/>
                </a:ext>
              </a:extLst>
            </p:cNvPr>
            <p:cNvSpPr>
              <a:spLocks noChangeArrowheads="1"/>
            </p:cNvSpPr>
            <p:nvPr/>
          </p:nvSpPr>
          <p:spPr bwMode="auto">
            <a:xfrm>
              <a:off x="8013935" y="4033987"/>
              <a:ext cx="3952924" cy="2675173"/>
            </a:xfrm>
            <a:custGeom>
              <a:avLst/>
              <a:gdLst>
                <a:gd name="T0" fmla="*/ 4514 w 4515"/>
                <a:gd name="T1" fmla="*/ 1885 h 3057"/>
                <a:gd name="T2" fmla="*/ 4514 w 4515"/>
                <a:gd name="T3" fmla="*/ 0 h 3057"/>
                <a:gd name="T4" fmla="*/ 1635 w 4515"/>
                <a:gd name="T5" fmla="*/ 0 h 3057"/>
                <a:gd name="T6" fmla="*/ 1635 w 4515"/>
                <a:gd name="T7" fmla="*/ 0 h 3057"/>
                <a:gd name="T8" fmla="*/ 0 w 4515"/>
                <a:gd name="T9" fmla="*/ 1622 h 3057"/>
                <a:gd name="T10" fmla="*/ 2485 w 4515"/>
                <a:gd name="T11" fmla="*/ 3056 h 3057"/>
                <a:gd name="T12" fmla="*/ 2485 w 4515"/>
                <a:gd name="T13" fmla="*/ 3056 h 3057"/>
                <a:gd name="T14" fmla="*/ 4514 w 4515"/>
                <a:gd name="T15" fmla="*/ 1885 h 3057"/>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4515" h="3057">
                  <a:moveTo>
                    <a:pt x="4514" y="1885"/>
                  </a:moveTo>
                  <a:lnTo>
                    <a:pt x="4514" y="0"/>
                  </a:lnTo>
                  <a:lnTo>
                    <a:pt x="1635" y="0"/>
                  </a:lnTo>
                  <a:lnTo>
                    <a:pt x="1635" y="0"/>
                  </a:lnTo>
                  <a:cubicBezTo>
                    <a:pt x="740" y="0"/>
                    <a:pt x="7" y="729"/>
                    <a:pt x="0" y="1622"/>
                  </a:cubicBezTo>
                  <a:lnTo>
                    <a:pt x="2485" y="3056"/>
                  </a:lnTo>
                  <a:lnTo>
                    <a:pt x="2485" y="3056"/>
                  </a:lnTo>
                  <a:cubicBezTo>
                    <a:pt x="2945" y="2406"/>
                    <a:pt x="3675" y="1961"/>
                    <a:pt x="4514" y="1885"/>
                  </a:cubicBezTo>
                </a:path>
              </a:pathLst>
            </a:custGeom>
            <a:solidFill>
              <a:schemeClr val="accent1"/>
            </a:solidFill>
            <a:ln>
              <a:noFill/>
            </a:ln>
            <a:effectLst/>
          </p:spPr>
          <p:txBody>
            <a:bodyPr wrap="none" anchor="ctr"/>
            <a:lstStyle/>
            <a:p>
              <a:endParaRPr lang="en-US" sz="1400" dirty="0">
                <a:latin typeface="Aptos" panose="020B0004020202020204" pitchFamily="34" charset="0"/>
              </a:endParaRPr>
            </a:p>
          </p:txBody>
        </p:sp>
        <p:sp>
          <p:nvSpPr>
            <p:cNvPr id="21" name="Freeform 12">
              <a:extLst>
                <a:ext uri="{FF2B5EF4-FFF2-40B4-BE49-F238E27FC236}">
                  <a16:creationId xmlns:a16="http://schemas.microsoft.com/office/drawing/2014/main" id="{73D0C1DB-3AAA-5C0D-8946-7F0E8163CCDE}"/>
                </a:ext>
              </a:extLst>
            </p:cNvPr>
            <p:cNvSpPr>
              <a:spLocks noChangeArrowheads="1"/>
            </p:cNvSpPr>
            <p:nvPr/>
          </p:nvSpPr>
          <p:spPr bwMode="auto">
            <a:xfrm>
              <a:off x="8013935" y="5967987"/>
              <a:ext cx="1953300" cy="4304207"/>
            </a:xfrm>
            <a:custGeom>
              <a:avLst/>
              <a:gdLst>
                <a:gd name="T0" fmla="*/ 1972 w 2230"/>
                <a:gd name="T1" fmla="*/ 2457 h 4917"/>
                <a:gd name="T2" fmla="*/ 1972 w 2230"/>
                <a:gd name="T3" fmla="*/ 2457 h 4917"/>
                <a:gd name="T4" fmla="*/ 2229 w 2230"/>
                <a:gd name="T5" fmla="*/ 1286 h 4917"/>
                <a:gd name="T6" fmla="*/ 0 w 2230"/>
                <a:gd name="T7" fmla="*/ 0 h 4917"/>
                <a:gd name="T8" fmla="*/ 0 w 2230"/>
                <a:gd name="T9" fmla="*/ 4916 h 4917"/>
                <a:gd name="T10" fmla="*/ 2229 w 2230"/>
                <a:gd name="T11" fmla="*/ 3629 h 4917"/>
                <a:gd name="T12" fmla="*/ 2229 w 2230"/>
                <a:gd name="T13" fmla="*/ 3629 h 4917"/>
                <a:gd name="T14" fmla="*/ 1972 w 2230"/>
                <a:gd name="T15" fmla="*/ 2457 h 4917"/>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230" h="4917">
                  <a:moveTo>
                    <a:pt x="1972" y="2457"/>
                  </a:moveTo>
                  <a:lnTo>
                    <a:pt x="1972" y="2457"/>
                  </a:lnTo>
                  <a:cubicBezTo>
                    <a:pt x="1972" y="2040"/>
                    <a:pt x="2064" y="1643"/>
                    <a:pt x="2229" y="1286"/>
                  </a:cubicBezTo>
                  <a:lnTo>
                    <a:pt x="0" y="0"/>
                  </a:lnTo>
                  <a:lnTo>
                    <a:pt x="0" y="4916"/>
                  </a:lnTo>
                  <a:lnTo>
                    <a:pt x="2229" y="3629"/>
                  </a:lnTo>
                  <a:lnTo>
                    <a:pt x="2229" y="3629"/>
                  </a:lnTo>
                  <a:cubicBezTo>
                    <a:pt x="2064" y="3273"/>
                    <a:pt x="1972" y="2876"/>
                    <a:pt x="1972" y="2457"/>
                  </a:cubicBezTo>
                </a:path>
              </a:pathLst>
            </a:custGeom>
            <a:solidFill>
              <a:schemeClr val="accent2"/>
            </a:solidFill>
            <a:ln>
              <a:noFill/>
            </a:ln>
            <a:effectLst/>
          </p:spPr>
          <p:txBody>
            <a:bodyPr wrap="none" anchor="ctr"/>
            <a:lstStyle/>
            <a:p>
              <a:endParaRPr lang="en-US" sz="1400" dirty="0">
                <a:latin typeface="Aptos" panose="020B0004020202020204" pitchFamily="34" charset="0"/>
              </a:endParaRPr>
            </a:p>
          </p:txBody>
        </p:sp>
        <p:sp>
          <p:nvSpPr>
            <p:cNvPr id="22" name="Freeform 13">
              <a:extLst>
                <a:ext uri="{FF2B5EF4-FFF2-40B4-BE49-F238E27FC236}">
                  <a16:creationId xmlns:a16="http://schemas.microsoft.com/office/drawing/2014/main" id="{4807DC88-98D5-0851-3960-FF187227490F}"/>
                </a:ext>
              </a:extLst>
            </p:cNvPr>
            <p:cNvSpPr>
              <a:spLocks noChangeArrowheads="1"/>
            </p:cNvSpPr>
            <p:nvPr/>
          </p:nvSpPr>
          <p:spPr bwMode="auto">
            <a:xfrm>
              <a:off x="12410792" y="9531021"/>
              <a:ext cx="3952924" cy="2675173"/>
            </a:xfrm>
            <a:custGeom>
              <a:avLst/>
              <a:gdLst>
                <a:gd name="T0" fmla="*/ 0 w 4515"/>
                <a:gd name="T1" fmla="*/ 1171 h 3058"/>
                <a:gd name="T2" fmla="*/ 0 w 4515"/>
                <a:gd name="T3" fmla="*/ 3057 h 3058"/>
                <a:gd name="T4" fmla="*/ 2879 w 4515"/>
                <a:gd name="T5" fmla="*/ 3057 h 3058"/>
                <a:gd name="T6" fmla="*/ 2879 w 4515"/>
                <a:gd name="T7" fmla="*/ 3057 h 3058"/>
                <a:gd name="T8" fmla="*/ 4514 w 4515"/>
                <a:gd name="T9" fmla="*/ 1434 h 3058"/>
                <a:gd name="T10" fmla="*/ 2029 w 4515"/>
                <a:gd name="T11" fmla="*/ 0 h 3058"/>
                <a:gd name="T12" fmla="*/ 2029 w 4515"/>
                <a:gd name="T13" fmla="*/ 0 h 3058"/>
                <a:gd name="T14" fmla="*/ 0 w 4515"/>
                <a:gd name="T15" fmla="*/ 1171 h 3058"/>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4515" h="3058">
                  <a:moveTo>
                    <a:pt x="0" y="1171"/>
                  </a:moveTo>
                  <a:lnTo>
                    <a:pt x="0" y="3057"/>
                  </a:lnTo>
                  <a:lnTo>
                    <a:pt x="2879" y="3057"/>
                  </a:lnTo>
                  <a:lnTo>
                    <a:pt x="2879" y="3057"/>
                  </a:lnTo>
                  <a:cubicBezTo>
                    <a:pt x="3774" y="3057"/>
                    <a:pt x="4507" y="2328"/>
                    <a:pt x="4514" y="1434"/>
                  </a:cubicBezTo>
                  <a:lnTo>
                    <a:pt x="2029" y="0"/>
                  </a:lnTo>
                  <a:lnTo>
                    <a:pt x="2029" y="0"/>
                  </a:lnTo>
                  <a:cubicBezTo>
                    <a:pt x="1569" y="650"/>
                    <a:pt x="838" y="1095"/>
                    <a:pt x="0" y="1171"/>
                  </a:cubicBezTo>
                </a:path>
              </a:pathLst>
            </a:custGeom>
            <a:solidFill>
              <a:schemeClr val="accent4"/>
            </a:solidFill>
            <a:ln>
              <a:noFill/>
            </a:ln>
            <a:effectLst/>
          </p:spPr>
          <p:txBody>
            <a:bodyPr wrap="none" anchor="ctr"/>
            <a:lstStyle/>
            <a:p>
              <a:endParaRPr lang="en-US" sz="1400" dirty="0">
                <a:latin typeface="Aptos" panose="020B0004020202020204" pitchFamily="34" charset="0"/>
              </a:endParaRPr>
            </a:p>
          </p:txBody>
        </p:sp>
        <p:sp>
          <p:nvSpPr>
            <p:cNvPr id="23" name="Freeform 14">
              <a:extLst>
                <a:ext uri="{FF2B5EF4-FFF2-40B4-BE49-F238E27FC236}">
                  <a16:creationId xmlns:a16="http://schemas.microsoft.com/office/drawing/2014/main" id="{9812BEFB-81D7-10BE-359D-CF84C7E21F66}"/>
                </a:ext>
              </a:extLst>
            </p:cNvPr>
            <p:cNvSpPr>
              <a:spLocks noChangeArrowheads="1"/>
            </p:cNvSpPr>
            <p:nvPr/>
          </p:nvSpPr>
          <p:spPr bwMode="auto">
            <a:xfrm>
              <a:off x="14410415" y="5967987"/>
              <a:ext cx="1953300" cy="4304207"/>
            </a:xfrm>
            <a:custGeom>
              <a:avLst/>
              <a:gdLst>
                <a:gd name="T0" fmla="*/ 256 w 2230"/>
                <a:gd name="T1" fmla="*/ 2457 h 4917"/>
                <a:gd name="T2" fmla="*/ 256 w 2230"/>
                <a:gd name="T3" fmla="*/ 2457 h 4917"/>
                <a:gd name="T4" fmla="*/ 0 w 2230"/>
                <a:gd name="T5" fmla="*/ 3629 h 4917"/>
                <a:gd name="T6" fmla="*/ 2229 w 2230"/>
                <a:gd name="T7" fmla="*/ 4916 h 4917"/>
                <a:gd name="T8" fmla="*/ 2229 w 2230"/>
                <a:gd name="T9" fmla="*/ 0 h 4917"/>
                <a:gd name="T10" fmla="*/ 0 w 2230"/>
                <a:gd name="T11" fmla="*/ 1286 h 4917"/>
                <a:gd name="T12" fmla="*/ 0 w 2230"/>
                <a:gd name="T13" fmla="*/ 1286 h 4917"/>
                <a:gd name="T14" fmla="*/ 256 w 2230"/>
                <a:gd name="T15" fmla="*/ 2457 h 4917"/>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230" h="4917">
                  <a:moveTo>
                    <a:pt x="256" y="2457"/>
                  </a:moveTo>
                  <a:lnTo>
                    <a:pt x="256" y="2457"/>
                  </a:lnTo>
                  <a:cubicBezTo>
                    <a:pt x="256" y="2876"/>
                    <a:pt x="164" y="3273"/>
                    <a:pt x="0" y="3629"/>
                  </a:cubicBezTo>
                  <a:lnTo>
                    <a:pt x="2229" y="4916"/>
                  </a:lnTo>
                  <a:lnTo>
                    <a:pt x="2229" y="0"/>
                  </a:lnTo>
                  <a:lnTo>
                    <a:pt x="0" y="1286"/>
                  </a:lnTo>
                  <a:lnTo>
                    <a:pt x="0" y="1286"/>
                  </a:lnTo>
                  <a:cubicBezTo>
                    <a:pt x="164" y="1643"/>
                    <a:pt x="256" y="2040"/>
                    <a:pt x="256" y="2457"/>
                  </a:cubicBezTo>
                </a:path>
              </a:pathLst>
            </a:custGeom>
            <a:solidFill>
              <a:schemeClr val="accent5"/>
            </a:solidFill>
            <a:ln>
              <a:noFill/>
            </a:ln>
            <a:effectLst/>
          </p:spPr>
          <p:txBody>
            <a:bodyPr wrap="none" anchor="ctr"/>
            <a:lstStyle/>
            <a:p>
              <a:endParaRPr lang="en-US" sz="1400" dirty="0">
                <a:latin typeface="Aptos" panose="020B0004020202020204" pitchFamily="34" charset="0"/>
              </a:endParaRPr>
            </a:p>
          </p:txBody>
        </p:sp>
        <p:sp>
          <p:nvSpPr>
            <p:cNvPr id="30" name="Freeform 55">
              <a:extLst>
                <a:ext uri="{FF2B5EF4-FFF2-40B4-BE49-F238E27FC236}">
                  <a16:creationId xmlns:a16="http://schemas.microsoft.com/office/drawing/2014/main" id="{1D41CBB6-612B-C76C-E6C1-784B37146D3E}"/>
                </a:ext>
              </a:extLst>
            </p:cNvPr>
            <p:cNvSpPr>
              <a:spLocks noChangeArrowheads="1"/>
            </p:cNvSpPr>
            <p:nvPr/>
          </p:nvSpPr>
          <p:spPr bwMode="auto">
            <a:xfrm>
              <a:off x="11476605" y="12507296"/>
              <a:ext cx="200734" cy="231617"/>
            </a:xfrm>
            <a:custGeom>
              <a:avLst/>
              <a:gdLst>
                <a:gd name="T0" fmla="*/ 229 w 230"/>
                <a:gd name="T1" fmla="*/ 133 h 266"/>
                <a:gd name="T2" fmla="*/ 0 w 230"/>
                <a:gd name="T3" fmla="*/ 265 h 266"/>
                <a:gd name="T4" fmla="*/ 0 w 230"/>
                <a:gd name="T5" fmla="*/ 0 h 266"/>
                <a:gd name="T6" fmla="*/ 229 w 230"/>
                <a:gd name="T7" fmla="*/ 133 h 266"/>
              </a:gdLst>
              <a:ahLst/>
              <a:cxnLst>
                <a:cxn ang="0">
                  <a:pos x="T0" y="T1"/>
                </a:cxn>
                <a:cxn ang="0">
                  <a:pos x="T2" y="T3"/>
                </a:cxn>
                <a:cxn ang="0">
                  <a:pos x="T4" y="T5"/>
                </a:cxn>
                <a:cxn ang="0">
                  <a:pos x="T6" y="T7"/>
                </a:cxn>
              </a:cxnLst>
              <a:rect l="0" t="0" r="r" b="b"/>
              <a:pathLst>
                <a:path w="230" h="266">
                  <a:moveTo>
                    <a:pt x="229" y="133"/>
                  </a:moveTo>
                  <a:lnTo>
                    <a:pt x="0" y="265"/>
                  </a:lnTo>
                  <a:lnTo>
                    <a:pt x="0" y="0"/>
                  </a:lnTo>
                  <a:lnTo>
                    <a:pt x="229" y="133"/>
                  </a:lnTo>
                </a:path>
              </a:pathLst>
            </a:custGeom>
            <a:solidFill>
              <a:schemeClr val="tx2"/>
            </a:solidFill>
            <a:ln>
              <a:noFill/>
            </a:ln>
            <a:effectLst/>
          </p:spPr>
          <p:txBody>
            <a:bodyPr wrap="none" anchor="ctr"/>
            <a:lstStyle/>
            <a:p>
              <a:endParaRPr lang="en-US" sz="1400" dirty="0">
                <a:latin typeface="Aptos" panose="020B0004020202020204" pitchFamily="34" charset="0"/>
              </a:endParaRPr>
            </a:p>
          </p:txBody>
        </p:sp>
        <p:sp>
          <p:nvSpPr>
            <p:cNvPr id="31" name="Freeform 56">
              <a:extLst>
                <a:ext uri="{FF2B5EF4-FFF2-40B4-BE49-F238E27FC236}">
                  <a16:creationId xmlns:a16="http://schemas.microsoft.com/office/drawing/2014/main" id="{EFCE798E-C580-6E75-3B61-8CE4E50AA9F3}"/>
                </a:ext>
              </a:extLst>
            </p:cNvPr>
            <p:cNvSpPr>
              <a:spLocks noChangeArrowheads="1"/>
            </p:cNvSpPr>
            <p:nvPr/>
          </p:nvSpPr>
          <p:spPr bwMode="auto">
            <a:xfrm>
              <a:off x="13916300" y="3501269"/>
              <a:ext cx="200734" cy="231617"/>
            </a:xfrm>
            <a:custGeom>
              <a:avLst/>
              <a:gdLst>
                <a:gd name="T0" fmla="*/ 0 w 230"/>
                <a:gd name="T1" fmla="*/ 132 h 266"/>
                <a:gd name="T2" fmla="*/ 229 w 230"/>
                <a:gd name="T3" fmla="*/ 265 h 266"/>
                <a:gd name="T4" fmla="*/ 229 w 230"/>
                <a:gd name="T5" fmla="*/ 0 h 266"/>
                <a:gd name="T6" fmla="*/ 0 w 230"/>
                <a:gd name="T7" fmla="*/ 132 h 266"/>
              </a:gdLst>
              <a:ahLst/>
              <a:cxnLst>
                <a:cxn ang="0">
                  <a:pos x="T0" y="T1"/>
                </a:cxn>
                <a:cxn ang="0">
                  <a:pos x="T2" y="T3"/>
                </a:cxn>
                <a:cxn ang="0">
                  <a:pos x="T4" y="T5"/>
                </a:cxn>
                <a:cxn ang="0">
                  <a:pos x="T6" y="T7"/>
                </a:cxn>
              </a:cxnLst>
              <a:rect l="0" t="0" r="r" b="b"/>
              <a:pathLst>
                <a:path w="230" h="266">
                  <a:moveTo>
                    <a:pt x="0" y="132"/>
                  </a:moveTo>
                  <a:lnTo>
                    <a:pt x="229" y="265"/>
                  </a:lnTo>
                  <a:lnTo>
                    <a:pt x="229" y="0"/>
                  </a:lnTo>
                  <a:lnTo>
                    <a:pt x="0" y="132"/>
                  </a:lnTo>
                </a:path>
              </a:pathLst>
            </a:custGeom>
            <a:solidFill>
              <a:schemeClr val="tx2"/>
            </a:solidFill>
            <a:ln>
              <a:noFill/>
            </a:ln>
            <a:effectLst/>
          </p:spPr>
          <p:txBody>
            <a:bodyPr wrap="none" anchor="ctr"/>
            <a:lstStyle/>
            <a:p>
              <a:endParaRPr lang="en-US" sz="1400" dirty="0">
                <a:latin typeface="Aptos" panose="020B0004020202020204" pitchFamily="34" charset="0"/>
              </a:endParaRPr>
            </a:p>
          </p:txBody>
        </p:sp>
        <p:sp>
          <p:nvSpPr>
            <p:cNvPr id="32" name="Freeform 57">
              <a:extLst>
                <a:ext uri="{FF2B5EF4-FFF2-40B4-BE49-F238E27FC236}">
                  <a16:creationId xmlns:a16="http://schemas.microsoft.com/office/drawing/2014/main" id="{1C77363F-63E3-125F-8023-C8FB782E1231}"/>
                </a:ext>
              </a:extLst>
            </p:cNvPr>
            <p:cNvSpPr>
              <a:spLocks noChangeArrowheads="1"/>
            </p:cNvSpPr>
            <p:nvPr/>
          </p:nvSpPr>
          <p:spPr bwMode="auto">
            <a:xfrm>
              <a:off x="16653235" y="9411354"/>
              <a:ext cx="231617" cy="200734"/>
            </a:xfrm>
            <a:custGeom>
              <a:avLst/>
              <a:gdLst>
                <a:gd name="T0" fmla="*/ 132 w 266"/>
                <a:gd name="T1" fmla="*/ 0 h 230"/>
                <a:gd name="T2" fmla="*/ 265 w 266"/>
                <a:gd name="T3" fmla="*/ 229 h 230"/>
                <a:gd name="T4" fmla="*/ 0 w 266"/>
                <a:gd name="T5" fmla="*/ 229 h 230"/>
                <a:gd name="T6" fmla="*/ 132 w 266"/>
                <a:gd name="T7" fmla="*/ 0 h 230"/>
              </a:gdLst>
              <a:ahLst/>
              <a:cxnLst>
                <a:cxn ang="0">
                  <a:pos x="T0" y="T1"/>
                </a:cxn>
                <a:cxn ang="0">
                  <a:pos x="T2" y="T3"/>
                </a:cxn>
                <a:cxn ang="0">
                  <a:pos x="T4" y="T5"/>
                </a:cxn>
                <a:cxn ang="0">
                  <a:pos x="T6" y="T7"/>
                </a:cxn>
              </a:cxnLst>
              <a:rect l="0" t="0" r="r" b="b"/>
              <a:pathLst>
                <a:path w="266" h="230">
                  <a:moveTo>
                    <a:pt x="132" y="0"/>
                  </a:moveTo>
                  <a:lnTo>
                    <a:pt x="265" y="229"/>
                  </a:lnTo>
                  <a:lnTo>
                    <a:pt x="0" y="229"/>
                  </a:lnTo>
                  <a:lnTo>
                    <a:pt x="132" y="0"/>
                  </a:lnTo>
                </a:path>
              </a:pathLst>
            </a:custGeom>
            <a:solidFill>
              <a:schemeClr val="tx2"/>
            </a:solidFill>
            <a:ln>
              <a:noFill/>
            </a:ln>
            <a:effectLst/>
          </p:spPr>
          <p:txBody>
            <a:bodyPr wrap="none" anchor="ctr"/>
            <a:lstStyle/>
            <a:p>
              <a:endParaRPr lang="en-US" sz="1400" dirty="0">
                <a:latin typeface="Aptos" panose="020B0004020202020204" pitchFamily="34" charset="0"/>
              </a:endParaRPr>
            </a:p>
          </p:txBody>
        </p:sp>
        <p:sp>
          <p:nvSpPr>
            <p:cNvPr id="33" name="Freeform 58">
              <a:extLst>
                <a:ext uri="{FF2B5EF4-FFF2-40B4-BE49-F238E27FC236}">
                  <a16:creationId xmlns:a16="http://schemas.microsoft.com/office/drawing/2014/main" id="{7EE7E27F-2EF6-BEE7-BE4B-A508D7454C58}"/>
                </a:ext>
              </a:extLst>
            </p:cNvPr>
            <p:cNvSpPr>
              <a:spLocks noChangeArrowheads="1"/>
            </p:cNvSpPr>
            <p:nvPr/>
          </p:nvSpPr>
          <p:spPr bwMode="auto">
            <a:xfrm>
              <a:off x="7492799" y="7133790"/>
              <a:ext cx="231617" cy="200734"/>
            </a:xfrm>
            <a:custGeom>
              <a:avLst/>
              <a:gdLst>
                <a:gd name="T0" fmla="*/ 133 w 266"/>
                <a:gd name="T1" fmla="*/ 229 h 230"/>
                <a:gd name="T2" fmla="*/ 265 w 266"/>
                <a:gd name="T3" fmla="*/ 0 h 230"/>
                <a:gd name="T4" fmla="*/ 0 w 266"/>
                <a:gd name="T5" fmla="*/ 0 h 230"/>
                <a:gd name="T6" fmla="*/ 133 w 266"/>
                <a:gd name="T7" fmla="*/ 229 h 230"/>
              </a:gdLst>
              <a:ahLst/>
              <a:cxnLst>
                <a:cxn ang="0">
                  <a:pos x="T0" y="T1"/>
                </a:cxn>
                <a:cxn ang="0">
                  <a:pos x="T2" y="T3"/>
                </a:cxn>
                <a:cxn ang="0">
                  <a:pos x="T4" y="T5"/>
                </a:cxn>
                <a:cxn ang="0">
                  <a:pos x="T6" y="T7"/>
                </a:cxn>
              </a:cxnLst>
              <a:rect l="0" t="0" r="r" b="b"/>
              <a:pathLst>
                <a:path w="266" h="230">
                  <a:moveTo>
                    <a:pt x="133" y="229"/>
                  </a:moveTo>
                  <a:lnTo>
                    <a:pt x="265" y="0"/>
                  </a:lnTo>
                  <a:lnTo>
                    <a:pt x="0" y="0"/>
                  </a:lnTo>
                  <a:lnTo>
                    <a:pt x="133" y="229"/>
                  </a:lnTo>
                </a:path>
              </a:pathLst>
            </a:custGeom>
            <a:solidFill>
              <a:schemeClr val="tx2"/>
            </a:solidFill>
            <a:ln>
              <a:noFill/>
            </a:ln>
            <a:effectLst/>
          </p:spPr>
          <p:txBody>
            <a:bodyPr wrap="none" anchor="ctr"/>
            <a:lstStyle/>
            <a:p>
              <a:endParaRPr lang="en-US" sz="1400" dirty="0">
                <a:latin typeface="Aptos" panose="020B0004020202020204" pitchFamily="34" charset="0"/>
              </a:endParaRPr>
            </a:p>
          </p:txBody>
        </p:sp>
        <p:sp>
          <p:nvSpPr>
            <p:cNvPr id="34" name="TextBox 33">
              <a:extLst>
                <a:ext uri="{FF2B5EF4-FFF2-40B4-BE49-F238E27FC236}">
                  <a16:creationId xmlns:a16="http://schemas.microsoft.com/office/drawing/2014/main" id="{409139F2-C8B3-2680-7014-C46EF7C8B4D0}"/>
                </a:ext>
              </a:extLst>
            </p:cNvPr>
            <p:cNvSpPr txBox="1"/>
            <p:nvPr/>
          </p:nvSpPr>
          <p:spPr>
            <a:xfrm>
              <a:off x="845581" y="3808992"/>
              <a:ext cx="4290647" cy="663914"/>
            </a:xfrm>
            <a:prstGeom prst="rect">
              <a:avLst/>
            </a:prstGeom>
            <a:noFill/>
          </p:spPr>
          <p:txBody>
            <a:bodyPr wrap="square" rtlCol="0" anchor="b">
              <a:spAutoFit/>
            </a:bodyPr>
            <a:lstStyle/>
            <a:p>
              <a:r>
                <a:rPr lang="es-NI" sz="1400" b="1" spc="-30" dirty="0">
                  <a:solidFill>
                    <a:schemeClr val="accent1"/>
                  </a:solidFill>
                  <a:latin typeface="Aptos" panose="020B0004020202020204" pitchFamily="34" charset="0"/>
                  <a:cs typeface="Poppins" panose="00000500000000000000" pitchFamily="2" charset="0"/>
                </a:rPr>
                <a:t>Backup Workspaces</a:t>
              </a:r>
              <a:endParaRPr lang="en-US" sz="1400" b="1" spc="-30" dirty="0">
                <a:solidFill>
                  <a:schemeClr val="accent1"/>
                </a:solidFill>
                <a:latin typeface="Aptos" panose="020B0004020202020204" pitchFamily="34" charset="0"/>
                <a:cs typeface="Poppins" panose="00000500000000000000" pitchFamily="2" charset="0"/>
              </a:endParaRPr>
            </a:p>
          </p:txBody>
        </p:sp>
        <p:sp>
          <p:nvSpPr>
            <p:cNvPr id="35" name="TextBox 34">
              <a:extLst>
                <a:ext uri="{FF2B5EF4-FFF2-40B4-BE49-F238E27FC236}">
                  <a16:creationId xmlns:a16="http://schemas.microsoft.com/office/drawing/2014/main" id="{6FDDA7C8-402F-942E-A79B-18B24B20B8B5}"/>
                </a:ext>
              </a:extLst>
            </p:cNvPr>
            <p:cNvSpPr txBox="1"/>
            <p:nvPr/>
          </p:nvSpPr>
          <p:spPr>
            <a:xfrm>
              <a:off x="337957" y="4501792"/>
              <a:ext cx="5983246" cy="1776245"/>
            </a:xfrm>
            <a:prstGeom prst="rect">
              <a:avLst/>
            </a:prstGeom>
            <a:noFill/>
          </p:spPr>
          <p:txBody>
            <a:bodyPr wrap="square" rtlCol="0">
              <a:spAutoFit/>
            </a:bodyPr>
            <a:lstStyle/>
            <a:p>
              <a:pPr lvl="0">
                <a:lnSpc>
                  <a:spcPct val="115000"/>
                </a:lnSpc>
                <a:spcAft>
                  <a:spcPts val="800"/>
                </a:spcAft>
                <a:tabLst>
                  <a:tab pos="457200" algn="l"/>
                </a:tabLst>
              </a:pPr>
              <a:r>
                <a:rPr lang="en-US" sz="1400" spc="-20" dirty="0">
                  <a:latin typeface="Aptos" panose="020B0004020202020204" pitchFamily="34" charset="0"/>
                  <a:cs typeface="Poppins" panose="00000500000000000000" pitchFamily="2" charset="0"/>
                </a:rPr>
                <a:t>Maintain backups of all Power BI reports and datasets in case a rollback is needed.</a:t>
              </a:r>
              <a:endParaRPr lang="en-GB" sz="1400" spc="-20" dirty="0">
                <a:latin typeface="Aptos" panose="020B0004020202020204" pitchFamily="34" charset="0"/>
                <a:cs typeface="Poppins" panose="00000500000000000000" pitchFamily="2" charset="0"/>
              </a:endParaRPr>
            </a:p>
          </p:txBody>
        </p:sp>
        <p:sp>
          <p:nvSpPr>
            <p:cNvPr id="36" name="TextBox 35">
              <a:extLst>
                <a:ext uri="{FF2B5EF4-FFF2-40B4-BE49-F238E27FC236}">
                  <a16:creationId xmlns:a16="http://schemas.microsoft.com/office/drawing/2014/main" id="{D31D4127-5766-FC4E-ACC5-2F3B261CF1DA}"/>
                </a:ext>
              </a:extLst>
            </p:cNvPr>
            <p:cNvSpPr txBox="1"/>
            <p:nvPr/>
          </p:nvSpPr>
          <p:spPr>
            <a:xfrm>
              <a:off x="19516614" y="10069731"/>
              <a:ext cx="4290647" cy="663914"/>
            </a:xfrm>
            <a:prstGeom prst="rect">
              <a:avLst/>
            </a:prstGeom>
            <a:noFill/>
          </p:spPr>
          <p:txBody>
            <a:bodyPr wrap="square" rtlCol="0" anchor="b">
              <a:spAutoFit/>
            </a:bodyPr>
            <a:lstStyle/>
            <a:p>
              <a:pPr algn="r"/>
              <a:r>
                <a:rPr lang="en-US" sz="1400" b="1" spc="-30" dirty="0">
                  <a:solidFill>
                    <a:schemeClr val="accent4"/>
                  </a:solidFill>
                  <a:latin typeface="Aptos" panose="020B0004020202020204" pitchFamily="34" charset="0"/>
                  <a:cs typeface="Poppins" panose="00000500000000000000" pitchFamily="2" charset="0"/>
                </a:rPr>
                <a:t>Automated Refreshes</a:t>
              </a:r>
            </a:p>
          </p:txBody>
        </p:sp>
        <p:sp>
          <p:nvSpPr>
            <p:cNvPr id="37" name="TextBox 36">
              <a:extLst>
                <a:ext uri="{FF2B5EF4-FFF2-40B4-BE49-F238E27FC236}">
                  <a16:creationId xmlns:a16="http://schemas.microsoft.com/office/drawing/2014/main" id="{77E25129-DE20-18F1-AAC3-67CD9E897285}"/>
                </a:ext>
              </a:extLst>
            </p:cNvPr>
            <p:cNvSpPr txBox="1"/>
            <p:nvPr/>
          </p:nvSpPr>
          <p:spPr>
            <a:xfrm>
              <a:off x="18492020" y="10723864"/>
              <a:ext cx="6331683" cy="1394217"/>
            </a:xfrm>
            <a:prstGeom prst="rect">
              <a:avLst/>
            </a:prstGeom>
            <a:noFill/>
          </p:spPr>
          <p:txBody>
            <a:bodyPr wrap="square" rtlCol="0">
              <a:spAutoFit/>
            </a:bodyPr>
            <a:lstStyle/>
            <a:p>
              <a:r>
                <a:rPr lang="en-US" sz="1200" kern="100" dirty="0">
                  <a:latin typeface="Aptos" panose="020B0004020202020204" pitchFamily="34" charset="0"/>
                  <a:cs typeface="Arial" panose="020B0604020202020204" pitchFamily="34" charset="0"/>
                </a:rPr>
                <a:t>Configure automatic refreshes in Test and Production environments to ensure data is up to date.</a:t>
              </a:r>
            </a:p>
          </p:txBody>
        </p:sp>
        <p:sp>
          <p:nvSpPr>
            <p:cNvPr id="38" name="TextBox 37">
              <a:extLst>
                <a:ext uri="{FF2B5EF4-FFF2-40B4-BE49-F238E27FC236}">
                  <a16:creationId xmlns:a16="http://schemas.microsoft.com/office/drawing/2014/main" id="{3E51890E-D773-3270-0B84-BE72B646D5A0}"/>
                </a:ext>
              </a:extLst>
            </p:cNvPr>
            <p:cNvSpPr txBox="1"/>
            <p:nvPr/>
          </p:nvSpPr>
          <p:spPr>
            <a:xfrm>
              <a:off x="660012" y="6870256"/>
              <a:ext cx="4290647" cy="1128652"/>
            </a:xfrm>
            <a:prstGeom prst="rect">
              <a:avLst/>
            </a:prstGeom>
            <a:noFill/>
          </p:spPr>
          <p:txBody>
            <a:bodyPr wrap="square" rtlCol="0" anchor="b">
              <a:spAutoFit/>
            </a:bodyPr>
            <a:lstStyle/>
            <a:p>
              <a:r>
                <a:rPr lang="en-US" sz="1400" b="1" spc="-30" dirty="0">
                  <a:solidFill>
                    <a:schemeClr val="accent2"/>
                  </a:solidFill>
                  <a:latin typeface="Aptos" panose="020B0004020202020204" pitchFamily="34" charset="0"/>
                  <a:cs typeface="Poppins" panose="00000500000000000000" pitchFamily="2" charset="0"/>
                </a:rPr>
                <a:t>Consistent Naming Conventions</a:t>
              </a:r>
            </a:p>
          </p:txBody>
        </p:sp>
        <p:sp>
          <p:nvSpPr>
            <p:cNvPr id="39" name="TextBox 38">
              <a:extLst>
                <a:ext uri="{FF2B5EF4-FFF2-40B4-BE49-F238E27FC236}">
                  <a16:creationId xmlns:a16="http://schemas.microsoft.com/office/drawing/2014/main" id="{B179A8FC-1FAE-CA07-72C4-F4609C3F35F5}"/>
                </a:ext>
              </a:extLst>
            </p:cNvPr>
            <p:cNvSpPr txBox="1"/>
            <p:nvPr/>
          </p:nvSpPr>
          <p:spPr>
            <a:xfrm>
              <a:off x="218375" y="7894487"/>
              <a:ext cx="6799647" cy="3618325"/>
            </a:xfrm>
            <a:prstGeom prst="rect">
              <a:avLst/>
            </a:prstGeom>
            <a:noFill/>
          </p:spPr>
          <p:txBody>
            <a:bodyPr wrap="square" rtlCol="0">
              <a:spAutoFit/>
            </a:bodyPr>
            <a:lstStyle/>
            <a:p>
              <a:pPr lvl="0">
                <a:spcAft>
                  <a:spcPts val="600"/>
                </a:spcAft>
              </a:pPr>
              <a:r>
                <a:rPr lang="en-GB" sz="1400" spc="-20" dirty="0">
                  <a:latin typeface="Aptos" panose="020B0004020202020204" pitchFamily="34" charset="0"/>
                  <a:cs typeface="Poppins" panose="00000500000000000000" pitchFamily="2" charset="0"/>
                </a:rPr>
                <a:t>Prefix the workspace name with the division such as ESD or CEN. Followed by a  workspace  name and postfixed with the workspace posture, e.g. [Dev] or [Test] ,  Ex. </a:t>
              </a:r>
              <a:r>
                <a:rPr lang="en-GB" sz="1400" dirty="0">
                  <a:effectLst/>
                </a:rPr>
                <a:t>CEN_Technology [Dev]</a:t>
              </a:r>
            </a:p>
            <a:p>
              <a:br>
                <a:rPr lang="en-GB" sz="1400" dirty="0">
                  <a:effectLst/>
                </a:rPr>
              </a:br>
              <a:endParaRPr lang="en-GB" sz="1400" spc="-20" dirty="0">
                <a:latin typeface="Aptos" panose="020B0004020202020204" pitchFamily="34" charset="0"/>
                <a:cs typeface="Poppins" panose="00000500000000000000" pitchFamily="2" charset="0"/>
              </a:endParaRPr>
            </a:p>
          </p:txBody>
        </p:sp>
        <p:sp>
          <p:nvSpPr>
            <p:cNvPr id="40" name="TextBox 39">
              <a:extLst>
                <a:ext uri="{FF2B5EF4-FFF2-40B4-BE49-F238E27FC236}">
                  <a16:creationId xmlns:a16="http://schemas.microsoft.com/office/drawing/2014/main" id="{99839772-D1A3-0684-5603-EAD2C808F75A}"/>
                </a:ext>
              </a:extLst>
            </p:cNvPr>
            <p:cNvSpPr txBox="1"/>
            <p:nvPr/>
          </p:nvSpPr>
          <p:spPr>
            <a:xfrm>
              <a:off x="19343850" y="7453299"/>
              <a:ext cx="4290647" cy="663914"/>
            </a:xfrm>
            <a:prstGeom prst="rect">
              <a:avLst/>
            </a:prstGeom>
            <a:noFill/>
          </p:spPr>
          <p:txBody>
            <a:bodyPr wrap="square" rtlCol="0" anchor="b">
              <a:spAutoFit/>
            </a:bodyPr>
            <a:lstStyle/>
            <a:p>
              <a:pPr algn="r"/>
              <a:r>
                <a:rPr lang="en-US" sz="1400" b="1" spc="-30" dirty="0">
                  <a:solidFill>
                    <a:schemeClr val="accent5"/>
                  </a:solidFill>
                  <a:latin typeface="Aptos" panose="020B0004020202020204" pitchFamily="34" charset="0"/>
                  <a:cs typeface="Poppins" panose="00000500000000000000" pitchFamily="2" charset="0"/>
                </a:rPr>
                <a:t>Row-Level Security</a:t>
              </a:r>
            </a:p>
          </p:txBody>
        </p:sp>
        <p:sp>
          <p:nvSpPr>
            <p:cNvPr id="41" name="TextBox 40">
              <a:extLst>
                <a:ext uri="{FF2B5EF4-FFF2-40B4-BE49-F238E27FC236}">
                  <a16:creationId xmlns:a16="http://schemas.microsoft.com/office/drawing/2014/main" id="{8CA4E2F1-2B96-FB66-B800-996E99BB94BD}"/>
                </a:ext>
              </a:extLst>
            </p:cNvPr>
            <p:cNvSpPr txBox="1"/>
            <p:nvPr/>
          </p:nvSpPr>
          <p:spPr>
            <a:xfrm>
              <a:off x="18490672" y="8151809"/>
              <a:ext cx="6009422" cy="1092690"/>
            </a:xfrm>
            <a:prstGeom prst="rect">
              <a:avLst/>
            </a:prstGeom>
            <a:noFill/>
          </p:spPr>
          <p:txBody>
            <a:bodyPr wrap="square" rtlCol="0">
              <a:spAutoFit/>
            </a:bodyPr>
            <a:lstStyle/>
            <a:p>
              <a:pPr lvl="0">
                <a:lnSpc>
                  <a:spcPct val="115000"/>
                </a:lnSpc>
                <a:spcAft>
                  <a:spcPts val="800"/>
                </a:spcAft>
                <a:tabLst>
                  <a:tab pos="457200" algn="l"/>
                </a:tabLst>
              </a:pPr>
              <a:r>
                <a:rPr lang="en-US" sz="1200" kern="100" dirty="0">
                  <a:latin typeface="Aptos" panose="020B0004020202020204" pitchFamily="34" charset="0"/>
                  <a:cs typeface="Arial" panose="020B0604020202020204" pitchFamily="34" charset="0"/>
                </a:rPr>
                <a:t>Test RLS configurations thoroughly in Test before deploying to Production.</a:t>
              </a:r>
              <a:endParaRPr lang="en-GB" sz="1200" kern="100" dirty="0">
                <a:latin typeface="Aptos" panose="020B0004020202020204" pitchFamily="34" charset="0"/>
                <a:cs typeface="Arial" panose="020B0604020202020204" pitchFamily="34" charset="0"/>
              </a:endParaRPr>
            </a:p>
          </p:txBody>
        </p:sp>
        <p:sp>
          <p:nvSpPr>
            <p:cNvPr id="42" name="TextBox 41">
              <a:extLst>
                <a:ext uri="{FF2B5EF4-FFF2-40B4-BE49-F238E27FC236}">
                  <a16:creationId xmlns:a16="http://schemas.microsoft.com/office/drawing/2014/main" id="{774F833A-683A-4F8B-8D03-8250CBB73F25}"/>
                </a:ext>
              </a:extLst>
            </p:cNvPr>
            <p:cNvSpPr txBox="1"/>
            <p:nvPr/>
          </p:nvSpPr>
          <p:spPr>
            <a:xfrm>
              <a:off x="743152" y="10631229"/>
              <a:ext cx="4290647" cy="663914"/>
            </a:xfrm>
            <a:prstGeom prst="rect">
              <a:avLst/>
            </a:prstGeom>
            <a:noFill/>
          </p:spPr>
          <p:txBody>
            <a:bodyPr wrap="square" rtlCol="0" anchor="b">
              <a:spAutoFit/>
            </a:bodyPr>
            <a:lstStyle/>
            <a:p>
              <a:r>
                <a:rPr lang="es-NI" sz="1400" b="1" spc="-30" dirty="0">
                  <a:solidFill>
                    <a:schemeClr val="accent3"/>
                  </a:solidFill>
                  <a:latin typeface="Aptos" panose="020B0004020202020204" pitchFamily="34" charset="0"/>
                  <a:cs typeface="Poppins" panose="00000500000000000000" pitchFamily="2" charset="0"/>
                </a:rPr>
                <a:t>Version Control</a:t>
              </a:r>
              <a:endParaRPr lang="en-US" sz="1400" b="1" spc="-30" dirty="0">
                <a:solidFill>
                  <a:schemeClr val="accent3"/>
                </a:solidFill>
                <a:latin typeface="Aptos" panose="020B0004020202020204" pitchFamily="34" charset="0"/>
                <a:cs typeface="Poppins" panose="00000500000000000000" pitchFamily="2" charset="0"/>
              </a:endParaRPr>
            </a:p>
          </p:txBody>
        </p:sp>
        <p:sp>
          <p:nvSpPr>
            <p:cNvPr id="43" name="TextBox 42">
              <a:extLst>
                <a:ext uri="{FF2B5EF4-FFF2-40B4-BE49-F238E27FC236}">
                  <a16:creationId xmlns:a16="http://schemas.microsoft.com/office/drawing/2014/main" id="{7AEC1466-6F76-578A-E273-BB5F346868DC}"/>
                </a:ext>
              </a:extLst>
            </p:cNvPr>
            <p:cNvSpPr txBox="1"/>
            <p:nvPr/>
          </p:nvSpPr>
          <p:spPr>
            <a:xfrm>
              <a:off x="434944" y="11306638"/>
              <a:ext cx="6436347" cy="2522869"/>
            </a:xfrm>
            <a:prstGeom prst="rect">
              <a:avLst/>
            </a:prstGeom>
            <a:noFill/>
          </p:spPr>
          <p:txBody>
            <a:bodyPr wrap="square" rtlCol="0">
              <a:spAutoFit/>
            </a:bodyPr>
            <a:lstStyle/>
            <a:p>
              <a:r>
                <a:rPr lang="en-US" sz="1400" dirty="0">
                  <a:effectLst/>
                  <a:latin typeface="Aptos" panose="020B0004020202020204" pitchFamily="34" charset="0"/>
                  <a:ea typeface="Aptos" panose="020B0004020202020204" pitchFamily="34" charset="0"/>
                  <a:cs typeface="Arial" panose="020B0604020202020204" pitchFamily="34" charset="0"/>
                </a:rPr>
                <a:t>Track changes to reports and datasets through versioning to ensure that you can identify which versions have been deployed. </a:t>
              </a:r>
            </a:p>
            <a:p>
              <a:r>
                <a:rPr lang="en-US" sz="1400" dirty="0">
                  <a:effectLst/>
                  <a:latin typeface="Aptos" panose="020B0004020202020204" pitchFamily="34" charset="0"/>
                  <a:ea typeface="Aptos" panose="020B0004020202020204" pitchFamily="34" charset="0"/>
                  <a:cs typeface="Arial" panose="020B0604020202020204" pitchFamily="34" charset="0"/>
                </a:rPr>
                <a:t>Ex. Data Retention_v2</a:t>
              </a:r>
              <a:endParaRPr lang="en-US" sz="1100" spc="-20" dirty="0">
                <a:latin typeface="Aptos" panose="020B0004020202020204" pitchFamily="34" charset="0"/>
                <a:cs typeface="Poppins" panose="00000500000000000000" pitchFamily="2" charset="0"/>
              </a:endParaRPr>
            </a:p>
          </p:txBody>
        </p:sp>
        <p:sp>
          <p:nvSpPr>
            <p:cNvPr id="44" name="TextBox 43">
              <a:extLst>
                <a:ext uri="{FF2B5EF4-FFF2-40B4-BE49-F238E27FC236}">
                  <a16:creationId xmlns:a16="http://schemas.microsoft.com/office/drawing/2014/main" id="{ECE5EBE0-7293-7F28-DFE1-DAE73B12979F}"/>
                </a:ext>
              </a:extLst>
            </p:cNvPr>
            <p:cNvSpPr txBox="1"/>
            <p:nvPr/>
          </p:nvSpPr>
          <p:spPr>
            <a:xfrm>
              <a:off x="18490672" y="3635802"/>
              <a:ext cx="5520238" cy="663914"/>
            </a:xfrm>
            <a:prstGeom prst="rect">
              <a:avLst/>
            </a:prstGeom>
            <a:noFill/>
          </p:spPr>
          <p:txBody>
            <a:bodyPr wrap="square" rtlCol="0" anchor="b">
              <a:spAutoFit/>
            </a:bodyPr>
            <a:lstStyle/>
            <a:p>
              <a:pPr algn="r"/>
              <a:r>
                <a:rPr lang="en-US" sz="1400" b="1" spc="-30" dirty="0">
                  <a:solidFill>
                    <a:schemeClr val="accent6"/>
                  </a:solidFill>
                  <a:latin typeface="Aptos" panose="020B0004020202020204" pitchFamily="34" charset="0"/>
                  <a:cs typeface="Poppins" panose="00000500000000000000" pitchFamily="2" charset="0"/>
                </a:rPr>
                <a:t>Data Source Configuration</a:t>
              </a:r>
            </a:p>
          </p:txBody>
        </p:sp>
        <p:sp>
          <p:nvSpPr>
            <p:cNvPr id="45" name="TextBox 44">
              <a:extLst>
                <a:ext uri="{FF2B5EF4-FFF2-40B4-BE49-F238E27FC236}">
                  <a16:creationId xmlns:a16="http://schemas.microsoft.com/office/drawing/2014/main" id="{BE541C69-7F0C-DBA0-E101-C98D3C72E653}"/>
                </a:ext>
              </a:extLst>
            </p:cNvPr>
            <p:cNvSpPr txBox="1"/>
            <p:nvPr/>
          </p:nvSpPr>
          <p:spPr>
            <a:xfrm>
              <a:off x="17506357" y="4198545"/>
              <a:ext cx="7646033" cy="2987609"/>
            </a:xfrm>
            <a:prstGeom prst="rect">
              <a:avLst/>
            </a:prstGeom>
            <a:noFill/>
          </p:spPr>
          <p:txBody>
            <a:bodyPr wrap="square" rtlCol="0">
              <a:spAutoFit/>
            </a:bodyPr>
            <a:lstStyle/>
            <a:p>
              <a:pPr lvl="0">
                <a:tabLst>
                  <a:tab pos="457200" algn="l"/>
                </a:tabLst>
              </a:pPr>
              <a:r>
                <a:rPr lang="en-US" sz="1200" kern="100" dirty="0">
                  <a:latin typeface="Aptos" panose="020B0004020202020204" pitchFamily="34" charset="0"/>
                  <a:ea typeface="Aptos" panose="020B0004020202020204" pitchFamily="34" charset="0"/>
                  <a:cs typeface="Arial" panose="020B0604020202020204" pitchFamily="34" charset="0"/>
                </a:rPr>
                <a:t>E</a:t>
              </a:r>
              <a:r>
                <a:rPr lang="en-US" sz="1200" kern="100" dirty="0">
                  <a:effectLst/>
                  <a:latin typeface="Aptos" panose="020B0004020202020204" pitchFamily="34" charset="0"/>
                  <a:ea typeface="Aptos" panose="020B0004020202020204" pitchFamily="34" charset="0"/>
                  <a:cs typeface="Arial" panose="020B0604020202020204" pitchFamily="34" charset="0"/>
                </a:rPr>
                <a:t>ach environment should be configured with the correct data sources.</a:t>
              </a:r>
              <a:endParaRPr lang="en-GB" sz="1200" kern="100" dirty="0">
                <a:effectLst/>
                <a:latin typeface="Aptos" panose="020B0004020202020204" pitchFamily="34" charset="0"/>
                <a:ea typeface="Aptos" panose="020B0004020202020204" pitchFamily="34" charset="0"/>
                <a:cs typeface="Arial" panose="020B0604020202020204" pitchFamily="34" charset="0"/>
              </a:endParaRPr>
            </a:p>
            <a:p>
              <a:pPr marL="742950" lvl="1" indent="-285750">
                <a:buSzPts val="1000"/>
                <a:buFont typeface="Courier New" panose="02070309020205020404" pitchFamily="49" charset="0"/>
                <a:buChar char="o"/>
                <a:tabLst>
                  <a:tab pos="914400" algn="l"/>
                </a:tabLst>
              </a:pPr>
              <a:r>
                <a:rPr lang="en-US" sz="1200" kern="100" dirty="0">
                  <a:effectLst/>
                  <a:latin typeface="Aptos" panose="020B0004020202020204" pitchFamily="34" charset="0"/>
                  <a:ea typeface="Aptos" panose="020B0004020202020204" pitchFamily="34" charset="0"/>
                  <a:cs typeface="Times New Roman" panose="02020603050405020304" pitchFamily="18" charset="0"/>
                </a:rPr>
                <a:t>Development: Use sample or development datasets.</a:t>
              </a:r>
              <a:endParaRPr lang="en-GB" sz="1200" kern="100" dirty="0">
                <a:effectLst/>
                <a:latin typeface="Aptos" panose="020B0004020202020204" pitchFamily="34" charset="0"/>
                <a:ea typeface="Aptos" panose="020B0004020202020204" pitchFamily="34" charset="0"/>
                <a:cs typeface="Times New Roman" panose="02020603050405020304" pitchFamily="18" charset="0"/>
              </a:endParaRPr>
            </a:p>
            <a:p>
              <a:pPr marL="742950" lvl="1" indent="-285750">
                <a:buSzPts val="1000"/>
                <a:buFont typeface="Courier New" panose="02070309020205020404" pitchFamily="49" charset="0"/>
                <a:buChar char="o"/>
                <a:tabLst>
                  <a:tab pos="914400" algn="l"/>
                </a:tabLst>
              </a:pPr>
              <a:r>
                <a:rPr lang="en-US" sz="1200" kern="100" dirty="0">
                  <a:effectLst/>
                  <a:latin typeface="Aptos" panose="020B0004020202020204" pitchFamily="34" charset="0"/>
                  <a:ea typeface="Aptos" panose="020B0004020202020204" pitchFamily="34" charset="0"/>
                  <a:cs typeface="Times New Roman" panose="02020603050405020304" pitchFamily="18" charset="0"/>
                </a:rPr>
                <a:t>Test: Use data that is similar to production data.</a:t>
              </a:r>
              <a:endParaRPr lang="en-GB" sz="1200" kern="100" dirty="0">
                <a:effectLst/>
                <a:latin typeface="Aptos" panose="020B0004020202020204" pitchFamily="34" charset="0"/>
                <a:ea typeface="Aptos" panose="020B0004020202020204" pitchFamily="34" charset="0"/>
                <a:cs typeface="Times New Roman" panose="02020603050405020304" pitchFamily="18" charset="0"/>
              </a:endParaRPr>
            </a:p>
            <a:p>
              <a:pPr marL="742950" lvl="1" indent="-285750">
                <a:buSzPts val="1000"/>
                <a:buFont typeface="Courier New" panose="02070309020205020404" pitchFamily="49" charset="0"/>
                <a:buChar char="o"/>
                <a:tabLst>
                  <a:tab pos="914400" algn="l"/>
                </a:tabLst>
              </a:pPr>
              <a:r>
                <a:rPr lang="en-US" sz="1200" kern="100" dirty="0">
                  <a:effectLst/>
                  <a:latin typeface="Aptos" panose="020B0004020202020204" pitchFamily="34" charset="0"/>
                  <a:ea typeface="Aptos" panose="020B0004020202020204" pitchFamily="34" charset="0"/>
                  <a:cs typeface="Times New Roman" panose="02020603050405020304" pitchFamily="18" charset="0"/>
                </a:rPr>
                <a:t>Production: Use live production data.</a:t>
              </a:r>
              <a:endParaRPr lang="en-GB" sz="1200" kern="100" dirty="0">
                <a:effectLst/>
                <a:latin typeface="Aptos" panose="020B0004020202020204" pitchFamily="34" charset="0"/>
                <a:ea typeface="Aptos" panose="020B0004020202020204" pitchFamily="34" charset="0"/>
                <a:cs typeface="Times New Roman" panose="02020603050405020304" pitchFamily="18" charset="0"/>
              </a:endParaRPr>
            </a:p>
          </p:txBody>
        </p:sp>
      </p:grpSp>
      <p:pic>
        <p:nvPicPr>
          <p:cNvPr id="48" name="Graphic 47" descr="Back with solid fill">
            <a:extLst>
              <a:ext uri="{FF2B5EF4-FFF2-40B4-BE49-F238E27FC236}">
                <a16:creationId xmlns:a16="http://schemas.microsoft.com/office/drawing/2014/main" id="{B9DBEC5F-C244-CE01-B091-261623572D7A}"/>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4434418" y="1634199"/>
            <a:ext cx="685282" cy="685282"/>
          </a:xfrm>
          <a:prstGeom prst="rect">
            <a:avLst/>
          </a:prstGeom>
        </p:spPr>
      </p:pic>
      <p:pic>
        <p:nvPicPr>
          <p:cNvPr id="50" name="Graphic 49" descr="Employee badge with solid fill">
            <a:extLst>
              <a:ext uri="{FF2B5EF4-FFF2-40B4-BE49-F238E27FC236}">
                <a16:creationId xmlns:a16="http://schemas.microsoft.com/office/drawing/2014/main" id="{7919DFBA-50E5-FCE3-FC4F-9CF393131ED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4012321" y="2959640"/>
            <a:ext cx="620958" cy="620958"/>
          </a:xfrm>
          <a:prstGeom prst="rect">
            <a:avLst/>
          </a:prstGeom>
        </p:spPr>
      </p:pic>
      <p:pic>
        <p:nvPicPr>
          <p:cNvPr id="52" name="Graphic 51" descr="Checklist with solid fill">
            <a:extLst>
              <a:ext uri="{FF2B5EF4-FFF2-40B4-BE49-F238E27FC236}">
                <a16:creationId xmlns:a16="http://schemas.microsoft.com/office/drawing/2014/main" id="{AA795F9E-05A9-776C-990C-E3A96202EA5D}"/>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4539941" y="4505377"/>
            <a:ext cx="677942" cy="677942"/>
          </a:xfrm>
          <a:prstGeom prst="rect">
            <a:avLst/>
          </a:prstGeom>
        </p:spPr>
      </p:pic>
      <p:pic>
        <p:nvPicPr>
          <p:cNvPr id="54" name="Graphic 53" descr="Folder Search outline">
            <a:extLst>
              <a:ext uri="{FF2B5EF4-FFF2-40B4-BE49-F238E27FC236}">
                <a16:creationId xmlns:a16="http://schemas.microsoft.com/office/drawing/2014/main" id="{4748850F-05B0-EBA8-6472-155C36244210}"/>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6580214" y="1673491"/>
            <a:ext cx="721605" cy="721605"/>
          </a:xfrm>
          <a:prstGeom prst="rect">
            <a:avLst/>
          </a:prstGeom>
        </p:spPr>
      </p:pic>
      <p:pic>
        <p:nvPicPr>
          <p:cNvPr id="56" name="Graphic 55" descr="Eye Scan with solid fill">
            <a:extLst>
              <a:ext uri="{FF2B5EF4-FFF2-40B4-BE49-F238E27FC236}">
                <a16:creationId xmlns:a16="http://schemas.microsoft.com/office/drawing/2014/main" id="{F60E709F-B4A3-9FD6-0DBC-B10B368766C1}"/>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147839" y="3118403"/>
            <a:ext cx="535521" cy="535521"/>
          </a:xfrm>
          <a:prstGeom prst="rect">
            <a:avLst/>
          </a:prstGeom>
        </p:spPr>
      </p:pic>
      <p:pic>
        <p:nvPicPr>
          <p:cNvPr id="58" name="Graphic 57" descr="Repeat with solid fill">
            <a:extLst>
              <a:ext uri="{FF2B5EF4-FFF2-40B4-BE49-F238E27FC236}">
                <a16:creationId xmlns:a16="http://schemas.microsoft.com/office/drawing/2014/main" id="{85001B65-19B5-ED55-3122-4431908D7B95}"/>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6491958" y="4599100"/>
            <a:ext cx="607181" cy="607181"/>
          </a:xfrm>
          <a:prstGeom prst="rect">
            <a:avLst/>
          </a:prstGeom>
        </p:spPr>
      </p:pic>
      <p:pic>
        <p:nvPicPr>
          <p:cNvPr id="60" name="Graphic 59" descr="A trophy cup">
            <a:extLst>
              <a:ext uri="{FF2B5EF4-FFF2-40B4-BE49-F238E27FC236}">
                <a16:creationId xmlns:a16="http://schemas.microsoft.com/office/drawing/2014/main" id="{E6415001-D24B-6429-1820-5F3C8DDB574F}"/>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5292192" y="2802659"/>
            <a:ext cx="1223942" cy="1223942"/>
          </a:xfrm>
          <a:prstGeom prst="rect">
            <a:avLst/>
          </a:prstGeom>
        </p:spPr>
      </p:pic>
    </p:spTree>
    <p:extLst>
      <p:ext uri="{BB962C8B-B14F-4D97-AF65-F5344CB8AC3E}">
        <p14:creationId xmlns:p14="http://schemas.microsoft.com/office/powerpoint/2010/main" val="395530267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7"/>
          </p:nvPr>
        </p:nvSpPr>
        <p:spPr>
          <a:xfrm>
            <a:off x="430625" y="6312875"/>
            <a:ext cx="2198275" cy="365125"/>
          </a:xfrm>
        </p:spPr>
        <p:txBody>
          <a:bodyPr anchor="ctr">
            <a:normAutofit/>
          </a:bodyPr>
          <a:lstStyle/>
          <a:p>
            <a:pPr>
              <a:spcAft>
                <a:spcPts val="600"/>
              </a:spcAft>
            </a:pPr>
            <a:r>
              <a:rPr lang="en-GB"/>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8"/>
          </p:nvPr>
        </p:nvSpPr>
        <p:spPr>
          <a:xfrm>
            <a:off x="10401300" y="6312875"/>
            <a:ext cx="1358700" cy="365125"/>
          </a:xfrm>
        </p:spPr>
        <p:txBody>
          <a:bodyPr/>
          <a:lstStyle/>
          <a:p>
            <a:pPr>
              <a:spcAft>
                <a:spcPts val="600"/>
              </a:spcAft>
            </a:pPr>
            <a:fld id="{C855AFFB-64D9-4FA4-905E-E079B4C44CCB}" type="slidenum">
              <a:rPr lang="en-GB" sz="1800" smtClean="0"/>
              <a:pPr>
                <a:spcAft>
                  <a:spcPts val="600"/>
                </a:spcAft>
              </a:pPr>
              <a:t>11</a:t>
            </a:fld>
            <a:r>
              <a:rPr lang="en-GB">
                <a:latin typeface="Avenir Next LT Pro" panose="020B0504020202020204" pitchFamily="34" charset="0"/>
              </a:rPr>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5322687" cy="450000"/>
          </a:xfrm>
        </p:spPr>
        <p:txBody>
          <a:bodyPr anchor="t">
            <a:normAutofit/>
          </a:bodyPr>
          <a:lstStyle/>
          <a:p>
            <a:pPr>
              <a:spcAft>
                <a:spcPts val="600"/>
              </a:spcAft>
            </a:pPr>
            <a:r>
              <a:rPr lang="en-GB" dirty="0"/>
              <a:t>Report Colourisation</a:t>
            </a:r>
          </a:p>
        </p:txBody>
      </p:sp>
      <p:sp>
        <p:nvSpPr>
          <p:cNvPr id="4" name="TextBox 3">
            <a:extLst>
              <a:ext uri="{FF2B5EF4-FFF2-40B4-BE49-F238E27FC236}">
                <a16:creationId xmlns:a16="http://schemas.microsoft.com/office/drawing/2014/main" id="{986B71B5-7B75-3DE3-FD74-882A613A721F}"/>
              </a:ext>
            </a:extLst>
          </p:cNvPr>
          <p:cNvSpPr txBox="1"/>
          <p:nvPr/>
        </p:nvSpPr>
        <p:spPr>
          <a:xfrm>
            <a:off x="430625" y="866393"/>
            <a:ext cx="8778738" cy="646331"/>
          </a:xfrm>
          <a:prstGeom prst="rect">
            <a:avLst/>
          </a:prstGeom>
          <a:noFill/>
        </p:spPr>
        <p:txBody>
          <a:bodyPr wrap="square">
            <a:spAutoFit/>
          </a:bodyPr>
          <a:lstStyle/>
          <a:p>
            <a:pPr>
              <a:spcAft>
                <a:spcPts val="600"/>
              </a:spcAft>
            </a:pPr>
            <a:r>
              <a:rPr lang="en-GB" dirty="0">
                <a:effectLst/>
                <a:latin typeface="Aptos" panose="020B0004020202020204" pitchFamily="34" charset="0"/>
                <a:ea typeface="Arial" panose="020B0604020202020204" pitchFamily="34" charset="0"/>
                <a:cs typeface="Times New Roman" panose="02020603050405020304" pitchFamily="18" charset="0"/>
              </a:rPr>
              <a:t>A banner will be displayed on top of the report and connected to the deployment pipeline through parameterisation. </a:t>
            </a:r>
          </a:p>
        </p:txBody>
      </p:sp>
      <p:sp>
        <p:nvSpPr>
          <p:cNvPr id="7" name="TextBox 6">
            <a:extLst>
              <a:ext uri="{FF2B5EF4-FFF2-40B4-BE49-F238E27FC236}">
                <a16:creationId xmlns:a16="http://schemas.microsoft.com/office/drawing/2014/main" id="{74B43118-B9DD-F88B-AF62-5DDF813C7F75}"/>
              </a:ext>
            </a:extLst>
          </p:cNvPr>
          <p:cNvSpPr txBox="1"/>
          <p:nvPr/>
        </p:nvSpPr>
        <p:spPr>
          <a:xfrm>
            <a:off x="-108635" y="2104624"/>
            <a:ext cx="3530876" cy="923330"/>
          </a:xfrm>
          <a:prstGeom prst="rect">
            <a:avLst/>
          </a:prstGeom>
          <a:noFill/>
        </p:spPr>
        <p:txBody>
          <a:bodyPr wrap="square">
            <a:spAutoFit/>
          </a:bodyPr>
          <a:lstStyle/>
          <a:p>
            <a:pPr lvl="1" algn="ctr"/>
            <a:r>
              <a:rPr lang="en-GB" sz="1800">
                <a:effectLst/>
                <a:latin typeface="Aptos" panose="020B0004020202020204" pitchFamily="34" charset="0"/>
                <a:ea typeface="Arial" panose="020B0604020202020204" pitchFamily="34" charset="0"/>
                <a:cs typeface="Times New Roman" panose="02020603050405020304" pitchFamily="18" charset="0"/>
              </a:rPr>
              <a:t>Development </a:t>
            </a:r>
            <a:r>
              <a:rPr lang="en-GB" sz="1800" dirty="0">
                <a:effectLst/>
                <a:latin typeface="Aptos" panose="020B0004020202020204" pitchFamily="34" charset="0"/>
                <a:ea typeface="Arial" panose="020B0604020202020204" pitchFamily="34" charset="0"/>
                <a:cs typeface="Times New Roman" panose="02020603050405020304" pitchFamily="18" charset="0"/>
              </a:rPr>
              <a:t>reports: </a:t>
            </a:r>
          </a:p>
          <a:p>
            <a:pPr lvl="1" algn="ctr"/>
            <a:r>
              <a:rPr lang="en-GB" sz="1800" dirty="0">
                <a:effectLst/>
                <a:latin typeface="Aptos" panose="020B0004020202020204" pitchFamily="34" charset="0"/>
                <a:ea typeface="Arial" panose="020B0604020202020204" pitchFamily="34" charset="0"/>
                <a:cs typeface="Times New Roman" panose="02020603050405020304" pitchFamily="18" charset="0"/>
              </a:rPr>
              <a:t>Grey header banner</a:t>
            </a:r>
          </a:p>
          <a:p>
            <a:pPr marL="742950" lvl="1" indent="-285750" algn="ctr">
              <a:buFont typeface="Courier New" panose="02070309020205020404" pitchFamily="49" charset="0"/>
              <a:buChar char="o"/>
            </a:pPr>
            <a:endParaRPr lang="en-GB" sz="1800" dirty="0">
              <a:effectLst/>
              <a:latin typeface="Aptos" panose="020B0004020202020204" pitchFamily="34" charset="0"/>
              <a:ea typeface="Arial" panose="020B0604020202020204" pitchFamily="34" charset="0"/>
              <a:cs typeface="Times New Roman" panose="02020603050405020304" pitchFamily="18" charset="0"/>
            </a:endParaRPr>
          </a:p>
        </p:txBody>
      </p:sp>
      <p:sp>
        <p:nvSpPr>
          <p:cNvPr id="9" name="TextBox 8">
            <a:extLst>
              <a:ext uri="{FF2B5EF4-FFF2-40B4-BE49-F238E27FC236}">
                <a16:creationId xmlns:a16="http://schemas.microsoft.com/office/drawing/2014/main" id="{7391C2E4-881E-3F9D-D206-CCD2BE275D3B}"/>
              </a:ext>
            </a:extLst>
          </p:cNvPr>
          <p:cNvSpPr txBox="1"/>
          <p:nvPr/>
        </p:nvSpPr>
        <p:spPr>
          <a:xfrm>
            <a:off x="8380626" y="2104624"/>
            <a:ext cx="2922174" cy="646331"/>
          </a:xfrm>
          <a:prstGeom prst="rect">
            <a:avLst/>
          </a:prstGeom>
          <a:noFill/>
        </p:spPr>
        <p:txBody>
          <a:bodyPr wrap="square">
            <a:spAutoFit/>
          </a:bodyPr>
          <a:lstStyle/>
          <a:p>
            <a:pPr lvl="1" algn="ctr"/>
            <a:r>
              <a:rPr lang="en-GB" sz="1800" dirty="0">
                <a:effectLst/>
                <a:latin typeface="Aptos" panose="020B0004020202020204" pitchFamily="34" charset="0"/>
                <a:ea typeface="Arial" panose="020B0604020202020204" pitchFamily="34" charset="0"/>
                <a:cs typeface="Times New Roman" panose="02020603050405020304" pitchFamily="18" charset="0"/>
              </a:rPr>
              <a:t>Production reports:</a:t>
            </a:r>
          </a:p>
          <a:p>
            <a:pPr lvl="1" algn="ctr"/>
            <a:r>
              <a:rPr lang="en-GB" sz="1800" dirty="0">
                <a:effectLst/>
                <a:latin typeface="Aptos" panose="020B0004020202020204" pitchFamily="34" charset="0"/>
                <a:ea typeface="Arial" panose="020B0604020202020204" pitchFamily="34" charset="0"/>
                <a:cs typeface="Times New Roman" panose="02020603050405020304" pitchFamily="18" charset="0"/>
              </a:rPr>
              <a:t>Hidden banner</a:t>
            </a:r>
          </a:p>
        </p:txBody>
      </p:sp>
      <p:sp>
        <p:nvSpPr>
          <p:cNvPr id="10" name="TextBox 9">
            <a:extLst>
              <a:ext uri="{FF2B5EF4-FFF2-40B4-BE49-F238E27FC236}">
                <a16:creationId xmlns:a16="http://schemas.microsoft.com/office/drawing/2014/main" id="{8C7D2279-7425-0CC9-1E4F-3F444B044C8B}"/>
              </a:ext>
            </a:extLst>
          </p:cNvPr>
          <p:cNvSpPr txBox="1"/>
          <p:nvPr/>
        </p:nvSpPr>
        <p:spPr>
          <a:xfrm>
            <a:off x="4284357" y="2104624"/>
            <a:ext cx="2922174" cy="646331"/>
          </a:xfrm>
          <a:prstGeom prst="rect">
            <a:avLst/>
          </a:prstGeom>
          <a:noFill/>
        </p:spPr>
        <p:txBody>
          <a:bodyPr wrap="square">
            <a:spAutoFit/>
          </a:bodyPr>
          <a:lstStyle/>
          <a:p>
            <a:pPr lvl="1" algn="ctr"/>
            <a:r>
              <a:rPr lang="en-GB" sz="1800" dirty="0">
                <a:effectLst/>
                <a:latin typeface="Aptos" panose="020B0004020202020204" pitchFamily="34" charset="0"/>
                <a:ea typeface="Arial" panose="020B0604020202020204" pitchFamily="34" charset="0"/>
                <a:cs typeface="Times New Roman" panose="02020603050405020304" pitchFamily="18" charset="0"/>
              </a:rPr>
              <a:t>Test reports:</a:t>
            </a:r>
          </a:p>
          <a:p>
            <a:pPr lvl="1" algn="ctr"/>
            <a:r>
              <a:rPr lang="en-GB" sz="1800" dirty="0">
                <a:effectLst/>
                <a:latin typeface="Aptos" panose="020B0004020202020204" pitchFamily="34" charset="0"/>
                <a:ea typeface="Arial" panose="020B0604020202020204" pitchFamily="34" charset="0"/>
                <a:cs typeface="Times New Roman" panose="02020603050405020304" pitchFamily="18" charset="0"/>
              </a:rPr>
              <a:t>Amber header banner</a:t>
            </a:r>
          </a:p>
        </p:txBody>
      </p:sp>
      <p:sp>
        <p:nvSpPr>
          <p:cNvPr id="25" name="Rectangle 24">
            <a:extLst>
              <a:ext uri="{FF2B5EF4-FFF2-40B4-BE49-F238E27FC236}">
                <a16:creationId xmlns:a16="http://schemas.microsoft.com/office/drawing/2014/main" id="{4BA57205-1451-F1DD-D9ED-C41F591E0065}"/>
              </a:ext>
            </a:extLst>
          </p:cNvPr>
          <p:cNvSpPr/>
          <p:nvPr/>
        </p:nvSpPr>
        <p:spPr>
          <a:xfrm>
            <a:off x="4711359" y="3374845"/>
            <a:ext cx="2425148" cy="545017"/>
          </a:xfrm>
          <a:prstGeom prst="rect">
            <a:avLst/>
          </a:prstGeom>
          <a:solidFill>
            <a:srgbClr val="FFC0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highlight>
                <a:srgbClr val="FFFF00"/>
              </a:highlight>
            </a:endParaRPr>
          </a:p>
        </p:txBody>
      </p:sp>
      <p:sp>
        <p:nvSpPr>
          <p:cNvPr id="26" name="Rectangle 25">
            <a:extLst>
              <a:ext uri="{FF2B5EF4-FFF2-40B4-BE49-F238E27FC236}">
                <a16:creationId xmlns:a16="http://schemas.microsoft.com/office/drawing/2014/main" id="{89951972-126C-3067-C01C-57CA46F14D6B}"/>
              </a:ext>
            </a:extLst>
          </p:cNvPr>
          <p:cNvSpPr/>
          <p:nvPr/>
        </p:nvSpPr>
        <p:spPr>
          <a:xfrm>
            <a:off x="668195" y="3400797"/>
            <a:ext cx="2425148" cy="545017"/>
          </a:xfrm>
          <a:prstGeom prst="rect">
            <a:avLst/>
          </a:prstGeom>
          <a:solidFill>
            <a:schemeClr val="bg1">
              <a:lumMod val="7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7" name="Arrow: Right 26">
            <a:extLst>
              <a:ext uri="{FF2B5EF4-FFF2-40B4-BE49-F238E27FC236}">
                <a16:creationId xmlns:a16="http://schemas.microsoft.com/office/drawing/2014/main" id="{FF1A80DB-AD07-A95E-B3FF-E225207321E9}"/>
              </a:ext>
            </a:extLst>
          </p:cNvPr>
          <p:cNvSpPr/>
          <p:nvPr/>
        </p:nvSpPr>
        <p:spPr>
          <a:xfrm>
            <a:off x="3661246" y="2452494"/>
            <a:ext cx="496506" cy="2395330"/>
          </a:xfrm>
          <a:prstGeom prst="rightArrow">
            <a:avLst/>
          </a:prstGeom>
          <a:ln/>
        </p:spPr>
        <p:style>
          <a:lnRef idx="1">
            <a:schemeClr val="accent5"/>
          </a:lnRef>
          <a:fillRef idx="3">
            <a:schemeClr val="accent5"/>
          </a:fillRef>
          <a:effectRef idx="2">
            <a:schemeClr val="accent5"/>
          </a:effectRef>
          <a:fontRef idx="minor">
            <a:schemeClr val="lt1"/>
          </a:fontRef>
        </p:style>
        <p:txBody>
          <a:bodyPr rtlCol="0" anchor="ctr"/>
          <a:lstStyle/>
          <a:p>
            <a:pPr algn="ctr"/>
            <a:endParaRPr lang="en-GB" dirty="0"/>
          </a:p>
        </p:txBody>
      </p:sp>
      <p:sp>
        <p:nvSpPr>
          <p:cNvPr id="47" name="Arrow: Right 46">
            <a:extLst>
              <a:ext uri="{FF2B5EF4-FFF2-40B4-BE49-F238E27FC236}">
                <a16:creationId xmlns:a16="http://schemas.microsoft.com/office/drawing/2014/main" id="{0E52B057-4186-3480-7294-100BE4444000}"/>
              </a:ext>
            </a:extLst>
          </p:cNvPr>
          <p:cNvSpPr/>
          <p:nvPr/>
        </p:nvSpPr>
        <p:spPr>
          <a:xfrm>
            <a:off x="7768319" y="2503844"/>
            <a:ext cx="496506" cy="2395330"/>
          </a:xfrm>
          <a:prstGeom prst="rightArrow">
            <a:avLst/>
          </a:prstGeom>
          <a:ln/>
        </p:spPr>
        <p:style>
          <a:lnRef idx="1">
            <a:schemeClr val="accent5"/>
          </a:lnRef>
          <a:fillRef idx="3">
            <a:schemeClr val="accent5"/>
          </a:fillRef>
          <a:effectRef idx="2">
            <a:schemeClr val="accent5"/>
          </a:effectRef>
          <a:fontRef idx="minor">
            <a:schemeClr val="lt1"/>
          </a:fontRef>
        </p:style>
        <p:txBody>
          <a:bodyPr rtlCol="0" anchor="ctr"/>
          <a:lstStyle/>
          <a:p>
            <a:pPr algn="ctr"/>
            <a:endParaRPr lang="en-GB" dirty="0"/>
          </a:p>
        </p:txBody>
      </p:sp>
      <p:sp>
        <p:nvSpPr>
          <p:cNvPr id="2" name="Rectangle 1">
            <a:extLst>
              <a:ext uri="{FF2B5EF4-FFF2-40B4-BE49-F238E27FC236}">
                <a16:creationId xmlns:a16="http://schemas.microsoft.com/office/drawing/2014/main" id="{ADA5D001-C934-07D2-7470-A3E6471867B9}"/>
              </a:ext>
            </a:extLst>
          </p:cNvPr>
          <p:cNvSpPr/>
          <p:nvPr/>
        </p:nvSpPr>
        <p:spPr>
          <a:xfrm>
            <a:off x="8826613" y="3374844"/>
            <a:ext cx="2425148" cy="545017"/>
          </a:xfrm>
          <a:prstGeom prst="rect">
            <a:avLst/>
          </a:prstGeom>
          <a:solidFill>
            <a:schemeClr val="bg1"/>
          </a:solidFill>
          <a:ln>
            <a:solidFill>
              <a:schemeClr val="bg1">
                <a:lumMod val="65000"/>
              </a:schemeClr>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highlight>
                <a:srgbClr val="FFFF00"/>
              </a:highlight>
            </a:endParaRPr>
          </a:p>
        </p:txBody>
      </p:sp>
    </p:spTree>
    <p:extLst>
      <p:ext uri="{BB962C8B-B14F-4D97-AF65-F5344CB8AC3E}">
        <p14:creationId xmlns:p14="http://schemas.microsoft.com/office/powerpoint/2010/main" val="335125815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986B71B5-7B75-3DE3-FD74-882A613A721F}"/>
              </a:ext>
            </a:extLst>
          </p:cNvPr>
          <p:cNvSpPr txBox="1"/>
          <p:nvPr/>
        </p:nvSpPr>
        <p:spPr>
          <a:xfrm>
            <a:off x="431999" y="1061998"/>
            <a:ext cx="5556001" cy="5040000"/>
          </a:xfrm>
          <a:prstGeom prst="rect">
            <a:avLst/>
          </a:prstGeom>
        </p:spPr>
        <p:txBody>
          <a:bodyPr vert="horz" lIns="0" tIns="0" rIns="0" bIns="0" rtlCol="0">
            <a:normAutofit/>
          </a:bodyPr>
          <a:lstStyle/>
          <a:p>
            <a:pPr marL="180000" indent="-180000">
              <a:lnSpc>
                <a:spcPct val="90000"/>
              </a:lnSpc>
              <a:spcBef>
                <a:spcPts val="600"/>
              </a:spcBef>
              <a:spcAft>
                <a:spcPts val="600"/>
              </a:spcAft>
              <a:buClr>
                <a:schemeClr val="accent2"/>
              </a:buClr>
              <a:buFont typeface="Arial" panose="020B0604020202020204" pitchFamily="34" charset="0"/>
              <a:buChar char="•"/>
            </a:pPr>
            <a:r>
              <a:rPr lang="en-US" dirty="0">
                <a:effectLst/>
              </a:rPr>
              <a:t>To ensure users are aware of the difference between operationally endorsed reporting, i.e. thought that have been designed and developed with the </a:t>
            </a:r>
            <a:r>
              <a:rPr lang="en-US" dirty="0" err="1">
                <a:effectLst/>
              </a:rPr>
              <a:t>DnA</a:t>
            </a:r>
            <a:r>
              <a:rPr lang="en-US" dirty="0">
                <a:effectLst/>
              </a:rPr>
              <a:t> team, verses those developed by other developers reports need to be marked appropriately.</a:t>
            </a:r>
          </a:p>
          <a:p>
            <a:pPr>
              <a:lnSpc>
                <a:spcPct val="90000"/>
              </a:lnSpc>
              <a:spcBef>
                <a:spcPts val="600"/>
              </a:spcBef>
              <a:spcAft>
                <a:spcPts val="600"/>
              </a:spcAft>
              <a:buClr>
                <a:schemeClr val="accent2"/>
              </a:buClr>
            </a:pPr>
            <a:r>
              <a:rPr lang="en-US" dirty="0" err="1"/>
              <a:t>DnA</a:t>
            </a:r>
            <a:r>
              <a:rPr lang="en-US" dirty="0"/>
              <a:t> Reports &amp; Datasets will be marked by either;</a:t>
            </a:r>
          </a:p>
          <a:p>
            <a:pPr>
              <a:lnSpc>
                <a:spcPct val="90000"/>
              </a:lnSpc>
              <a:spcBef>
                <a:spcPts val="600"/>
              </a:spcBef>
              <a:spcAft>
                <a:spcPts val="600"/>
              </a:spcAft>
              <a:buClr>
                <a:schemeClr val="accent2"/>
              </a:buClr>
            </a:pPr>
            <a:endParaRPr lang="en-US" dirty="0">
              <a:effectLst/>
            </a:endParaRPr>
          </a:p>
          <a:p>
            <a:r>
              <a:rPr lang="en-GB" b="1" dirty="0"/>
              <a:t>Certified: </a:t>
            </a:r>
          </a:p>
          <a:p>
            <a:r>
              <a:rPr lang="en-GB" dirty="0"/>
              <a:t>This is the highest level of endorsement, considered highly reliable and are usually business-critical. </a:t>
            </a:r>
            <a:r>
              <a:rPr lang="en-GB" b="1" dirty="0"/>
              <a:t>Only authorized users can certify reports.</a:t>
            </a:r>
          </a:p>
          <a:p>
            <a:pPr lvl="0">
              <a:tabLst>
                <a:tab pos="457200" algn="l"/>
              </a:tabLst>
            </a:pPr>
            <a:endParaRPr lang="en-GB" dirty="0">
              <a:effectLst/>
            </a:endParaRPr>
          </a:p>
          <a:p>
            <a:pPr lvl="0">
              <a:tabLst>
                <a:tab pos="457200" algn="l"/>
              </a:tabLst>
            </a:pPr>
            <a:r>
              <a:rPr lang="en-GB" b="1" dirty="0"/>
              <a:t>Promoted: </a:t>
            </a:r>
          </a:p>
          <a:p>
            <a:pPr lvl="0">
              <a:tabLst>
                <a:tab pos="457200" algn="l"/>
              </a:tabLst>
            </a:pPr>
            <a:r>
              <a:rPr lang="en-GB" dirty="0">
                <a:effectLst/>
              </a:rPr>
              <a:t>This endorsement is for reports that are considered useful and have been validated, but may not go through the same rigorous certification process. </a:t>
            </a:r>
          </a:p>
        </p:txBody>
      </p:sp>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2</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10452484" cy="450000"/>
          </a:xfrm>
        </p:spPr>
        <p:txBody>
          <a:bodyPr vert="horz" lIns="0" tIns="0" rIns="0" bIns="0" rtlCol="0" anchor="t">
            <a:normAutofit fontScale="90000"/>
          </a:bodyPr>
          <a:lstStyle/>
          <a:p>
            <a:pPr>
              <a:spcAft>
                <a:spcPts val="600"/>
              </a:spcAft>
            </a:pPr>
            <a:r>
              <a:rPr lang="en-GB" sz="3100" dirty="0"/>
              <a:t>Report Endorsement</a:t>
            </a:r>
            <a:br>
              <a:rPr lang="en-GB" dirty="0"/>
            </a:br>
            <a:endParaRPr lang="en-GB" dirty="0"/>
          </a:p>
        </p:txBody>
      </p:sp>
      <p:pic>
        <p:nvPicPr>
          <p:cNvPr id="8" name="Picture 7">
            <a:extLst>
              <a:ext uri="{FF2B5EF4-FFF2-40B4-BE49-F238E27FC236}">
                <a16:creationId xmlns:a16="http://schemas.microsoft.com/office/drawing/2014/main" id="{5A894FE4-AFFD-9763-11BD-771F8B276D04}"/>
              </a:ext>
            </a:extLst>
          </p:cNvPr>
          <p:cNvPicPr>
            <a:picLocks noChangeAspect="1"/>
          </p:cNvPicPr>
          <p:nvPr/>
        </p:nvPicPr>
        <p:blipFill>
          <a:blip r:embed="rId2"/>
          <a:stretch>
            <a:fillRect/>
          </a:stretch>
        </p:blipFill>
        <p:spPr>
          <a:xfrm>
            <a:off x="6503503" y="1331506"/>
            <a:ext cx="4071732" cy="4071732"/>
          </a:xfrm>
          <a:prstGeom prst="rect">
            <a:avLst/>
          </a:prstGeom>
        </p:spPr>
      </p:pic>
      <p:pic>
        <p:nvPicPr>
          <p:cNvPr id="8194" name="Picture 2" descr="370+ Green Certificate Icon Stock Illustrations, Royalty-Free Vector  Graphics &amp; Clip Art - iStock">
            <a:extLst>
              <a:ext uri="{FF2B5EF4-FFF2-40B4-BE49-F238E27FC236}">
                <a16:creationId xmlns:a16="http://schemas.microsoft.com/office/drawing/2014/main" id="{39316643-7858-70D9-4483-9CD09BDDC860}"/>
              </a:ext>
            </a:extLst>
          </p:cNvPr>
          <p:cNvPicPr>
            <a:picLocks noChangeAspect="1" noChangeArrowheads="1"/>
          </p:cNvPicPr>
          <p:nvPr/>
        </p:nvPicPr>
        <p:blipFill rotWithShape="1">
          <a:blip r:embed="rId3">
            <a:clrChange>
              <a:clrFrom>
                <a:srgbClr val="FFFFFF"/>
              </a:clrFrom>
              <a:clrTo>
                <a:srgbClr val="FFFFFF">
                  <a:alpha val="0"/>
                </a:srgbClr>
              </a:clrTo>
            </a:clrChange>
            <a:extLst>
              <a:ext uri="{28A0092B-C50C-407E-A947-70E740481C1C}">
                <a14:useLocalDpi xmlns:a14="http://schemas.microsoft.com/office/drawing/2010/main" val="0"/>
              </a:ext>
            </a:extLst>
          </a:blip>
          <a:srcRect l="-1" r="1538" b="15780"/>
          <a:stretch/>
        </p:blipFill>
        <p:spPr bwMode="auto">
          <a:xfrm>
            <a:off x="8540152" y="1331506"/>
            <a:ext cx="1965509" cy="1681202"/>
          </a:xfrm>
          <a:prstGeom prst="ellipse">
            <a:avLst/>
          </a:prstGeom>
          <a:solidFill>
            <a:srgbClr val="FFFFFF"/>
          </a:solidFill>
        </p:spPr>
      </p:pic>
    </p:spTree>
    <p:extLst>
      <p:ext uri="{BB962C8B-B14F-4D97-AF65-F5344CB8AC3E}">
        <p14:creationId xmlns:p14="http://schemas.microsoft.com/office/powerpoint/2010/main" val="255570857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986B71B5-7B75-3DE3-FD74-882A613A721F}"/>
              </a:ext>
            </a:extLst>
          </p:cNvPr>
          <p:cNvSpPr txBox="1"/>
          <p:nvPr/>
        </p:nvSpPr>
        <p:spPr>
          <a:xfrm>
            <a:off x="431999" y="1061998"/>
            <a:ext cx="5556001" cy="5040000"/>
          </a:xfrm>
          <a:prstGeom prst="rect">
            <a:avLst/>
          </a:prstGeom>
        </p:spPr>
        <p:txBody>
          <a:bodyPr vert="horz" lIns="0" tIns="0" rIns="0" bIns="0" rtlCol="0">
            <a:normAutofit/>
          </a:bodyPr>
          <a:lstStyle/>
          <a:p>
            <a:pPr marL="180000" indent="-180000">
              <a:lnSpc>
                <a:spcPct val="90000"/>
              </a:lnSpc>
              <a:spcBef>
                <a:spcPts val="600"/>
              </a:spcBef>
              <a:spcAft>
                <a:spcPts val="600"/>
              </a:spcAft>
              <a:buClr>
                <a:schemeClr val="accent2"/>
              </a:buClr>
              <a:buFont typeface="Arial" panose="020B0604020202020204" pitchFamily="34" charset="0"/>
              <a:buChar char="•"/>
            </a:pPr>
            <a:r>
              <a:rPr lang="en-GB" b="0" i="0">
                <a:effectLst/>
                <a:latin typeface="Segoe UI VSS (Regular)"/>
              </a:rPr>
              <a:t>In Power BI, data classification refers to the practice of categorizing and labelling data based on its sensitivity or confidentiality level. On top of complying on the ISO standards, this feature helps us in protecting our data by ensuring that our stakeholders and clients are aware of the nature and appropriate use of the data they are interacting with.</a:t>
            </a:r>
            <a:endParaRPr lang="en-US" dirty="0">
              <a:effectLst/>
            </a:endParaRPr>
          </a:p>
        </p:txBody>
      </p:sp>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3</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10452484" cy="450000"/>
          </a:xfrm>
        </p:spPr>
        <p:txBody>
          <a:bodyPr vert="horz" lIns="0" tIns="0" rIns="0" bIns="0" rtlCol="0" anchor="t">
            <a:normAutofit fontScale="90000"/>
          </a:bodyPr>
          <a:lstStyle/>
          <a:p>
            <a:pPr>
              <a:spcAft>
                <a:spcPts val="600"/>
              </a:spcAft>
            </a:pPr>
            <a:r>
              <a:rPr lang="en-GB" sz="3100" dirty="0"/>
              <a:t>Data Classification</a:t>
            </a:r>
            <a:br>
              <a:rPr lang="en-GB" dirty="0"/>
            </a:br>
            <a:endParaRPr lang="en-GB" dirty="0"/>
          </a:p>
        </p:txBody>
      </p:sp>
      <p:sp>
        <p:nvSpPr>
          <p:cNvPr id="6" name="TextBox 5">
            <a:extLst>
              <a:ext uri="{FF2B5EF4-FFF2-40B4-BE49-F238E27FC236}">
                <a16:creationId xmlns:a16="http://schemas.microsoft.com/office/drawing/2014/main" id="{14BF27F4-C386-FA54-C50D-F93FF9E9C077}"/>
              </a:ext>
            </a:extLst>
          </p:cNvPr>
          <p:cNvSpPr txBox="1"/>
          <p:nvPr/>
        </p:nvSpPr>
        <p:spPr>
          <a:xfrm>
            <a:off x="603021" y="3012708"/>
            <a:ext cx="6097656" cy="1200329"/>
          </a:xfrm>
          <a:prstGeom prst="rect">
            <a:avLst/>
          </a:prstGeom>
          <a:noFill/>
        </p:spPr>
        <p:txBody>
          <a:bodyPr wrap="square">
            <a:spAutoFit/>
          </a:bodyPr>
          <a:lstStyle/>
          <a:p>
            <a:pPr algn="l"/>
            <a:r>
              <a:rPr lang="en-GB" b="0" i="0">
                <a:effectLst/>
                <a:latin typeface="Segoe UI VSS (Regular)"/>
              </a:rPr>
              <a:t>The Maximus classifications are as follows;</a:t>
            </a:r>
          </a:p>
          <a:p>
            <a:pPr marL="285750" indent="-285750" algn="l">
              <a:buFont typeface="Arial" panose="020B0604020202020204" pitchFamily="34" charset="0"/>
              <a:buChar char="•"/>
            </a:pPr>
            <a:r>
              <a:rPr lang="en-GB" b="0" i="0">
                <a:effectLst/>
                <a:latin typeface="Segoe UI VSS (Regular)"/>
              </a:rPr>
              <a:t>Sensitive</a:t>
            </a:r>
          </a:p>
          <a:p>
            <a:pPr algn="l">
              <a:buFont typeface="Arial" panose="020B0604020202020204" pitchFamily="34" charset="0"/>
              <a:buChar char="•"/>
            </a:pPr>
            <a:r>
              <a:rPr lang="en-GB" b="0" i="0">
                <a:effectLst/>
                <a:latin typeface="Segoe UI VSS (Regular)"/>
              </a:rPr>
              <a:t>   Official</a:t>
            </a:r>
          </a:p>
          <a:p>
            <a:pPr algn="l">
              <a:buFont typeface="Arial" panose="020B0604020202020204" pitchFamily="34" charset="0"/>
              <a:buChar char="•"/>
            </a:pPr>
            <a:r>
              <a:rPr lang="en-GB">
                <a:latin typeface="Segoe UI VSS (Regular)"/>
              </a:rPr>
              <a:t>   </a:t>
            </a:r>
            <a:r>
              <a:rPr lang="en-GB" b="0" i="0">
                <a:effectLst/>
                <a:latin typeface="Segoe UI VSS (Regular)"/>
              </a:rPr>
              <a:t>Public</a:t>
            </a:r>
            <a:endParaRPr lang="en-GB" b="0" i="0" dirty="0">
              <a:effectLst/>
              <a:latin typeface="Segoe UI VSS (Regular)"/>
            </a:endParaRPr>
          </a:p>
        </p:txBody>
      </p:sp>
      <p:pic>
        <p:nvPicPr>
          <p:cNvPr id="15362" name="Picture 2" descr="No description available.">
            <a:extLst>
              <a:ext uri="{FF2B5EF4-FFF2-40B4-BE49-F238E27FC236}">
                <a16:creationId xmlns:a16="http://schemas.microsoft.com/office/drawing/2014/main" id="{3CEF154D-B4DF-F524-0B75-EC1D6880911E}"/>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604000" y="1092200"/>
            <a:ext cx="4673600" cy="46736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41201963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986B71B5-7B75-3DE3-FD74-882A613A721F}"/>
              </a:ext>
            </a:extLst>
          </p:cNvPr>
          <p:cNvSpPr txBox="1"/>
          <p:nvPr/>
        </p:nvSpPr>
        <p:spPr>
          <a:xfrm>
            <a:off x="6203999" y="1523522"/>
            <a:ext cx="5556001" cy="5040000"/>
          </a:xfrm>
          <a:prstGeom prst="rect">
            <a:avLst/>
          </a:prstGeom>
        </p:spPr>
        <p:txBody>
          <a:bodyPr vert="horz" lIns="0" tIns="0" rIns="0" bIns="0" rtlCol="0">
            <a:normAutofit/>
          </a:bodyPr>
          <a:lstStyle/>
          <a:p>
            <a:pPr marL="180000" lvl="0" indent="-180000">
              <a:lnSpc>
                <a:spcPct val="90000"/>
              </a:lnSpc>
              <a:spcBef>
                <a:spcPts val="600"/>
              </a:spcBef>
              <a:buClr>
                <a:schemeClr val="accent2"/>
              </a:buClr>
              <a:buFont typeface="Arial" panose="020B0604020202020204" pitchFamily="34" charset="0"/>
              <a:buChar char="•"/>
            </a:pPr>
            <a:r>
              <a:rPr lang="en-US" dirty="0" err="1">
                <a:effectLst/>
              </a:rPr>
              <a:t>Utilise</a:t>
            </a:r>
            <a:r>
              <a:rPr lang="en-US" dirty="0">
                <a:effectLst/>
              </a:rPr>
              <a:t> Active Directory (AD) groups for report access management instead of hard-coded permissions</a:t>
            </a:r>
          </a:p>
          <a:p>
            <a:pPr marL="180000" lvl="0" indent="-180000">
              <a:lnSpc>
                <a:spcPct val="90000"/>
              </a:lnSpc>
              <a:spcBef>
                <a:spcPts val="600"/>
              </a:spcBef>
              <a:buClr>
                <a:schemeClr val="accent2"/>
              </a:buClr>
              <a:buFont typeface="Arial" panose="020B0604020202020204" pitchFamily="34" charset="0"/>
              <a:buChar char="•"/>
            </a:pPr>
            <a:r>
              <a:rPr lang="en-US" dirty="0">
                <a:effectLst/>
              </a:rPr>
              <a:t>Create separate AD groups for each report or report category</a:t>
            </a:r>
          </a:p>
          <a:p>
            <a:pPr marL="180000" lvl="0" indent="-180000">
              <a:lnSpc>
                <a:spcPct val="90000"/>
              </a:lnSpc>
              <a:spcBef>
                <a:spcPts val="600"/>
              </a:spcBef>
              <a:spcAft>
                <a:spcPts val="600"/>
              </a:spcAft>
              <a:buClr>
                <a:schemeClr val="accent2"/>
              </a:buClr>
              <a:buFont typeface="Arial" panose="020B0604020202020204" pitchFamily="34" charset="0"/>
              <a:buChar char="•"/>
            </a:pPr>
            <a:r>
              <a:rPr lang="en-US" dirty="0">
                <a:effectLst/>
              </a:rPr>
              <a:t>Regularly review and update AD group memberships</a:t>
            </a:r>
          </a:p>
        </p:txBody>
      </p:sp>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4</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10452484" cy="450000"/>
          </a:xfrm>
        </p:spPr>
        <p:txBody>
          <a:bodyPr vert="horz" lIns="0" tIns="0" rIns="0" bIns="0" rtlCol="0" anchor="t">
            <a:normAutofit/>
          </a:bodyPr>
          <a:lstStyle/>
          <a:p>
            <a:pPr>
              <a:spcAft>
                <a:spcPts val="600"/>
              </a:spcAft>
            </a:pPr>
            <a:r>
              <a:rPr lang="en-GB" dirty="0"/>
              <a:t>Access Control</a:t>
            </a:r>
          </a:p>
        </p:txBody>
      </p:sp>
      <p:sp>
        <p:nvSpPr>
          <p:cNvPr id="8" name="AutoShape 2" descr="Slices of bread locked with chain and padlock on a white background Stock  Photo - Alamy">
            <a:extLst>
              <a:ext uri="{FF2B5EF4-FFF2-40B4-BE49-F238E27FC236}">
                <a16:creationId xmlns:a16="http://schemas.microsoft.com/office/drawing/2014/main" id="{5E83E09D-EC31-B1F3-C1F1-68B9E125BE83}"/>
              </a:ext>
            </a:extLst>
          </p:cNvPr>
          <p:cNvSpPr>
            <a:spLocks noChangeAspect="1" noChangeArrowheads="1"/>
          </p:cNvSpPr>
          <p:nvPr/>
        </p:nvSpPr>
        <p:spPr bwMode="auto">
          <a:xfrm>
            <a:off x="5943600" y="3276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pic>
        <p:nvPicPr>
          <p:cNvPr id="9" name="Picture 8">
            <a:extLst>
              <a:ext uri="{FF2B5EF4-FFF2-40B4-BE49-F238E27FC236}">
                <a16:creationId xmlns:a16="http://schemas.microsoft.com/office/drawing/2014/main" id="{E1DB4D27-AC71-E387-3918-606EE0682D9C}"/>
              </a:ext>
            </a:extLst>
          </p:cNvPr>
          <p:cNvPicPr>
            <a:picLocks noChangeAspect="1"/>
          </p:cNvPicPr>
          <p:nvPr/>
        </p:nvPicPr>
        <p:blipFill>
          <a:blip r:embed="rId2">
            <a:clrChange>
              <a:clrFrom>
                <a:srgbClr val="FFFFFF"/>
              </a:clrFrom>
              <a:clrTo>
                <a:srgbClr val="FFFFFF">
                  <a:alpha val="0"/>
                </a:srgbClr>
              </a:clrTo>
            </a:clrChange>
          </a:blip>
          <a:srcRect l="5768" t="15843" r="12086" b="10666"/>
          <a:stretch/>
        </p:blipFill>
        <p:spPr>
          <a:xfrm>
            <a:off x="751840" y="2162777"/>
            <a:ext cx="4741936" cy="3119760"/>
          </a:xfrm>
          <a:prstGeom prst="rect">
            <a:avLst/>
          </a:prstGeom>
        </p:spPr>
      </p:pic>
    </p:spTree>
    <p:extLst>
      <p:ext uri="{BB962C8B-B14F-4D97-AF65-F5344CB8AC3E}">
        <p14:creationId xmlns:p14="http://schemas.microsoft.com/office/powerpoint/2010/main" val="207599422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986B71B5-7B75-3DE3-FD74-882A613A721F}"/>
              </a:ext>
            </a:extLst>
          </p:cNvPr>
          <p:cNvSpPr txBox="1"/>
          <p:nvPr/>
        </p:nvSpPr>
        <p:spPr>
          <a:xfrm>
            <a:off x="431999" y="1061999"/>
            <a:ext cx="5311085" cy="5038764"/>
          </a:xfrm>
          <a:prstGeom prst="rect">
            <a:avLst/>
          </a:prstGeom>
        </p:spPr>
        <p:txBody>
          <a:bodyPr vert="horz" lIns="0" tIns="0" rIns="0" bIns="0" rtlCol="0">
            <a:normAutofit/>
          </a:bodyPr>
          <a:lstStyle/>
          <a:p>
            <a:pPr marL="180000" indent="-180000">
              <a:lnSpc>
                <a:spcPct val="90000"/>
              </a:lnSpc>
              <a:spcBef>
                <a:spcPts val="600"/>
              </a:spcBef>
              <a:spcAft>
                <a:spcPts val="600"/>
              </a:spcAft>
              <a:buClr>
                <a:schemeClr val="accent2"/>
              </a:buClr>
              <a:buFont typeface="Arial" panose="020B0604020202020204" pitchFamily="34" charset="0"/>
              <a:buChar char="•"/>
            </a:pPr>
            <a:r>
              <a:rPr lang="en-GB" dirty="0"/>
              <a:t>We can use Power Automate to automate the sign-off and UAT approval process. Power Automate allows to create a workflow where reviewers are notified to review and sign off on the reports developed by DnA.</a:t>
            </a:r>
            <a:endParaRPr lang="en-US" dirty="0"/>
          </a:p>
        </p:txBody>
      </p:sp>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5</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5311084" cy="450000"/>
          </a:xfrm>
        </p:spPr>
        <p:txBody>
          <a:bodyPr vert="horz" lIns="0" tIns="0" rIns="0" bIns="0" rtlCol="0" anchor="t">
            <a:normAutofit/>
          </a:bodyPr>
          <a:lstStyle/>
          <a:p>
            <a:pPr>
              <a:spcAft>
                <a:spcPts val="600"/>
              </a:spcAft>
            </a:pPr>
            <a:r>
              <a:rPr lang="en-GB" dirty="0"/>
              <a:t>Automation of UAT</a:t>
            </a:r>
          </a:p>
        </p:txBody>
      </p:sp>
      <p:pic>
        <p:nvPicPr>
          <p:cNvPr id="2" name="Picture 1" descr="Bread in a toaster">
            <a:extLst>
              <a:ext uri="{FF2B5EF4-FFF2-40B4-BE49-F238E27FC236}">
                <a16:creationId xmlns:a16="http://schemas.microsoft.com/office/drawing/2014/main" id="{BFEF6593-13AB-7BFB-5B1F-07283E23279B}"/>
              </a:ext>
            </a:extLst>
          </p:cNvPr>
          <p:cNvPicPr>
            <a:picLocks noChangeAspect="1"/>
          </p:cNvPicPr>
          <p:nvPr/>
        </p:nvPicPr>
        <p:blipFill>
          <a:blip r:embed="rId2">
            <a:extLst>
              <a:ext uri="{28A0092B-C50C-407E-A947-70E740481C1C}">
                <a14:useLocalDpi xmlns:a14="http://schemas.microsoft.com/office/drawing/2010/main" val="0"/>
              </a:ext>
            </a:extLst>
          </a:blip>
          <a:srcRect l="4821" r="15964" b="1"/>
          <a:stretch/>
        </p:blipFill>
        <p:spPr>
          <a:xfrm>
            <a:off x="6438002" y="1061999"/>
            <a:ext cx="5321998" cy="5038764"/>
          </a:xfrm>
          <a:prstGeom prst="rect">
            <a:avLst/>
          </a:prstGeom>
          <a:noFill/>
        </p:spPr>
      </p:pic>
    </p:spTree>
    <p:extLst>
      <p:ext uri="{BB962C8B-B14F-4D97-AF65-F5344CB8AC3E}">
        <p14:creationId xmlns:p14="http://schemas.microsoft.com/office/powerpoint/2010/main" val="217732372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descr="No description available.">
            <a:extLst>
              <a:ext uri="{FF2B5EF4-FFF2-40B4-BE49-F238E27FC236}">
                <a16:creationId xmlns:a16="http://schemas.microsoft.com/office/drawing/2014/main" id="{12110FA3-480B-5111-A0FB-522D2E07E10E}"/>
              </a:ext>
            </a:extLst>
          </p:cNvPr>
          <p:cNvPicPr>
            <a:picLocks noChangeAspect="1" noChangeArrowheads="1"/>
          </p:cNvPicPr>
          <p:nvPr/>
        </p:nvPicPr>
        <p:blipFill>
          <a:blip r:embed="rId2">
            <a:extLst>
              <a:ext uri="{28A0092B-C50C-407E-A947-70E740481C1C}">
                <a14:useLocalDpi xmlns:a14="http://schemas.microsoft.com/office/drawing/2010/main" val="0"/>
              </a:ext>
            </a:extLst>
          </a:blip>
          <a:stretch>
            <a:fillRect/>
          </a:stretch>
        </p:blipFill>
        <p:spPr bwMode="auto">
          <a:xfrm>
            <a:off x="689999" y="1061998"/>
            <a:ext cx="5040000" cy="5040000"/>
          </a:xfrm>
          <a:prstGeom prst="rect">
            <a:avLst/>
          </a:prstGeom>
          <a:solidFill>
            <a:srgbClr val="FFFFFF"/>
          </a:solidFill>
        </p:spPr>
      </p:pic>
      <p:sp>
        <p:nvSpPr>
          <p:cNvPr id="4" name="TextBox 3">
            <a:extLst>
              <a:ext uri="{FF2B5EF4-FFF2-40B4-BE49-F238E27FC236}">
                <a16:creationId xmlns:a16="http://schemas.microsoft.com/office/drawing/2014/main" id="{986B71B5-7B75-3DE3-FD74-882A613A721F}"/>
              </a:ext>
            </a:extLst>
          </p:cNvPr>
          <p:cNvSpPr txBox="1"/>
          <p:nvPr/>
        </p:nvSpPr>
        <p:spPr>
          <a:xfrm>
            <a:off x="6204001" y="1061998"/>
            <a:ext cx="5556001" cy="5040000"/>
          </a:xfrm>
          <a:prstGeom prst="rect">
            <a:avLst/>
          </a:prstGeom>
        </p:spPr>
        <p:txBody>
          <a:bodyPr vert="horz" lIns="0" tIns="0" rIns="0" bIns="0" rtlCol="0">
            <a:normAutofit/>
          </a:bodyPr>
          <a:lstStyle/>
          <a:p>
            <a:pPr marL="180000" indent="-180000">
              <a:lnSpc>
                <a:spcPct val="90000"/>
              </a:lnSpc>
              <a:spcBef>
                <a:spcPts val="600"/>
              </a:spcBef>
              <a:buClr>
                <a:schemeClr val="accent2"/>
              </a:buClr>
              <a:buFont typeface="Arial" panose="020B0604020202020204" pitchFamily="34" charset="0"/>
              <a:buChar char="•"/>
            </a:pPr>
            <a:r>
              <a:rPr lang="en-US" b="1" i="0" dirty="0">
                <a:effectLst/>
              </a:rPr>
              <a:t>Report Endorsement (Certified and Promoted Reports)</a:t>
            </a:r>
            <a:r>
              <a:rPr lang="en-US" b="0" i="0" dirty="0">
                <a:effectLst/>
              </a:rPr>
              <a:t> - Users will see a badge or label indicating that the report is either Certified or Promoted when they search for or view reports in Power BI.</a:t>
            </a:r>
          </a:p>
          <a:p>
            <a:pPr marL="180000" indent="-180000">
              <a:lnSpc>
                <a:spcPct val="90000"/>
              </a:lnSpc>
              <a:spcBef>
                <a:spcPts val="600"/>
              </a:spcBef>
              <a:buClr>
                <a:schemeClr val="accent2"/>
              </a:buClr>
              <a:buFont typeface="Arial" panose="020B0604020202020204" pitchFamily="34" charset="0"/>
              <a:buChar char="•"/>
            </a:pPr>
            <a:endParaRPr lang="en-US" b="1" i="0" dirty="0">
              <a:effectLst/>
            </a:endParaRPr>
          </a:p>
          <a:p>
            <a:pPr marL="180000" indent="-180000">
              <a:lnSpc>
                <a:spcPct val="90000"/>
              </a:lnSpc>
              <a:spcBef>
                <a:spcPts val="600"/>
              </a:spcBef>
              <a:buClr>
                <a:schemeClr val="accent2"/>
              </a:buClr>
              <a:buFont typeface="Arial" panose="020B0604020202020204" pitchFamily="34" charset="0"/>
              <a:buChar char="•"/>
            </a:pPr>
            <a:r>
              <a:rPr lang="en-US" b="1" i="0" dirty="0">
                <a:effectLst/>
              </a:rPr>
              <a:t> Metadata and detailed descriptions </a:t>
            </a:r>
            <a:r>
              <a:rPr lang="en-US" b="0" i="0" dirty="0">
                <a:effectLst/>
              </a:rPr>
              <a:t>- These will be written on the report description to clarify who developed them and their purpose</a:t>
            </a:r>
          </a:p>
          <a:p>
            <a:pPr marL="180000" indent="-180000">
              <a:lnSpc>
                <a:spcPct val="90000"/>
              </a:lnSpc>
              <a:spcBef>
                <a:spcPts val="600"/>
              </a:spcBef>
              <a:buClr>
                <a:schemeClr val="accent2"/>
              </a:buClr>
              <a:buFont typeface="Arial" panose="020B0604020202020204" pitchFamily="34" charset="0"/>
              <a:buChar char="•"/>
            </a:pPr>
            <a:endParaRPr lang="en-US" dirty="0"/>
          </a:p>
          <a:p>
            <a:pPr marL="180000" indent="-180000">
              <a:lnSpc>
                <a:spcPct val="90000"/>
              </a:lnSpc>
              <a:spcBef>
                <a:spcPts val="600"/>
              </a:spcBef>
              <a:buClr>
                <a:schemeClr val="accent2"/>
              </a:buClr>
              <a:buFont typeface="Arial" panose="020B0604020202020204" pitchFamily="34" charset="0"/>
              <a:buChar char="•"/>
            </a:pPr>
            <a:r>
              <a:rPr lang="en-US" b="1" i="0" dirty="0">
                <a:effectLst/>
              </a:rPr>
              <a:t> Info Icon</a:t>
            </a:r>
            <a:r>
              <a:rPr lang="en-US" b="0" i="0" dirty="0">
                <a:effectLst/>
              </a:rPr>
              <a:t> - </a:t>
            </a:r>
            <a:r>
              <a:rPr lang="en-GB" b="0" i="0" dirty="0">
                <a:solidFill>
                  <a:srgbClr val="212121"/>
                </a:solidFill>
                <a:effectLst/>
                <a:latin typeface="Calibri" panose="020F0502020204030204" pitchFamily="34" charset="0"/>
              </a:rPr>
              <a:t>There will be a relevant contact information, such as the DnA team's email or the BI manager responsible for the report, embedded on the info button at the top of the report. This reinforces the identity of the report as coming from a specific department and provides a point of contact for users with questions.</a:t>
            </a:r>
            <a:endParaRPr lang="en-US" b="0" i="0" dirty="0">
              <a:effectLst/>
            </a:endParaRPr>
          </a:p>
        </p:txBody>
      </p:sp>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6</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10452484" cy="450000"/>
          </a:xfrm>
        </p:spPr>
        <p:txBody>
          <a:bodyPr vert="horz" lIns="0" tIns="0" rIns="0" bIns="0" rtlCol="0" anchor="t">
            <a:normAutofit/>
          </a:bodyPr>
          <a:lstStyle/>
          <a:p>
            <a:pPr>
              <a:spcAft>
                <a:spcPts val="600"/>
              </a:spcAft>
            </a:pPr>
            <a:r>
              <a:rPr lang="en-GB" dirty="0"/>
              <a:t>DnA Reports Differentiator </a:t>
            </a:r>
          </a:p>
        </p:txBody>
      </p:sp>
    </p:spTree>
    <p:extLst>
      <p:ext uri="{BB962C8B-B14F-4D97-AF65-F5344CB8AC3E}">
        <p14:creationId xmlns:p14="http://schemas.microsoft.com/office/powerpoint/2010/main" val="112424045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986B71B5-7B75-3DE3-FD74-882A613A721F}"/>
              </a:ext>
            </a:extLst>
          </p:cNvPr>
          <p:cNvSpPr txBox="1"/>
          <p:nvPr/>
        </p:nvSpPr>
        <p:spPr>
          <a:xfrm>
            <a:off x="431999" y="1061999"/>
            <a:ext cx="5311085" cy="5038764"/>
          </a:xfrm>
          <a:prstGeom prst="rect">
            <a:avLst/>
          </a:prstGeom>
        </p:spPr>
        <p:txBody>
          <a:bodyPr vert="horz" lIns="0" tIns="0" rIns="0" bIns="0" rtlCol="0">
            <a:normAutofit/>
          </a:bodyPr>
          <a:lstStyle/>
          <a:p>
            <a:pPr marL="180000" indent="-180000">
              <a:lnSpc>
                <a:spcPct val="90000"/>
              </a:lnSpc>
              <a:spcBef>
                <a:spcPts val="600"/>
              </a:spcBef>
              <a:spcAft>
                <a:spcPts val="600"/>
              </a:spcAft>
              <a:buClr>
                <a:schemeClr val="accent2"/>
              </a:buClr>
              <a:buFont typeface="Arial" panose="020B0604020202020204" pitchFamily="34" charset="0"/>
              <a:buChar char="•"/>
            </a:pPr>
            <a:r>
              <a:rPr lang="en-US" dirty="0">
                <a:effectLst/>
              </a:rPr>
              <a:t>Before a report can be deployed to production:</a:t>
            </a:r>
          </a:p>
          <a:p>
            <a:pPr marL="180000" lvl="0" indent="-180000">
              <a:lnSpc>
                <a:spcPct val="90000"/>
              </a:lnSpc>
              <a:spcBef>
                <a:spcPts val="600"/>
              </a:spcBef>
              <a:buClr>
                <a:schemeClr val="accent2"/>
              </a:buClr>
              <a:buFont typeface="Arial" panose="020B0604020202020204" pitchFamily="34" charset="0"/>
              <a:buChar char="•"/>
            </a:pPr>
            <a:r>
              <a:rPr lang="en-US" dirty="0">
                <a:effectLst/>
              </a:rPr>
              <a:t>The team developing the report must formally agree to provide ongoing support</a:t>
            </a:r>
          </a:p>
          <a:p>
            <a:pPr marL="180000" lvl="0" indent="-180000">
              <a:lnSpc>
                <a:spcPct val="90000"/>
              </a:lnSpc>
              <a:spcBef>
                <a:spcPts val="600"/>
              </a:spcBef>
              <a:buClr>
                <a:schemeClr val="accent2"/>
              </a:buClr>
              <a:buFont typeface="Arial" panose="020B0604020202020204" pitchFamily="34" charset="0"/>
              <a:buChar char="•"/>
            </a:pPr>
            <a:r>
              <a:rPr lang="en-US" dirty="0" err="1">
                <a:effectLst/>
              </a:rPr>
              <a:t>DnA</a:t>
            </a:r>
            <a:r>
              <a:rPr lang="en-US" dirty="0">
                <a:effectLst/>
              </a:rPr>
              <a:t> team must review and approve the support agreement</a:t>
            </a:r>
          </a:p>
          <a:p>
            <a:pPr marL="180000" lvl="0" indent="-180000">
              <a:lnSpc>
                <a:spcPct val="90000"/>
              </a:lnSpc>
              <a:spcBef>
                <a:spcPts val="600"/>
              </a:spcBef>
              <a:buClr>
                <a:schemeClr val="accent2"/>
              </a:buClr>
              <a:buFont typeface="Arial" panose="020B0604020202020204" pitchFamily="34" charset="0"/>
              <a:buChar char="•"/>
            </a:pPr>
            <a:r>
              <a:rPr lang="en-US" dirty="0">
                <a:effectLst/>
              </a:rPr>
              <a:t>Document the support arrangement, including:</a:t>
            </a:r>
          </a:p>
          <a:p>
            <a:pPr marL="180000" lvl="1" indent="-180000">
              <a:lnSpc>
                <a:spcPct val="90000"/>
              </a:lnSpc>
              <a:spcBef>
                <a:spcPts val="600"/>
              </a:spcBef>
              <a:buClr>
                <a:schemeClr val="accent2"/>
              </a:buClr>
              <a:buFont typeface="Arial" panose="020B0604020202020204" pitchFamily="34" charset="0"/>
              <a:buChar char="•"/>
            </a:pPr>
            <a:r>
              <a:rPr lang="en-US" dirty="0">
                <a:effectLst/>
              </a:rPr>
              <a:t>Primary contact person(s)</a:t>
            </a:r>
          </a:p>
          <a:p>
            <a:pPr marL="180000" lvl="1" indent="-180000">
              <a:lnSpc>
                <a:spcPct val="90000"/>
              </a:lnSpc>
              <a:spcBef>
                <a:spcPts val="600"/>
              </a:spcBef>
              <a:buClr>
                <a:schemeClr val="accent2"/>
              </a:buClr>
              <a:buFont typeface="Arial" panose="020B0604020202020204" pitchFamily="34" charset="0"/>
              <a:buChar char="•"/>
            </a:pPr>
            <a:r>
              <a:rPr lang="en-US" dirty="0">
                <a:effectLst/>
              </a:rPr>
              <a:t>Escalation procedures</a:t>
            </a:r>
          </a:p>
          <a:p>
            <a:pPr marL="180000" lvl="1" indent="-180000">
              <a:lnSpc>
                <a:spcPct val="90000"/>
              </a:lnSpc>
              <a:spcBef>
                <a:spcPts val="600"/>
              </a:spcBef>
              <a:spcAft>
                <a:spcPts val="600"/>
              </a:spcAft>
              <a:buClr>
                <a:schemeClr val="accent2"/>
              </a:buClr>
              <a:buFont typeface="Arial" panose="020B0604020202020204" pitchFamily="34" charset="0"/>
              <a:buChar char="•"/>
            </a:pPr>
            <a:r>
              <a:rPr lang="en-US" dirty="0">
                <a:effectLst/>
              </a:rPr>
              <a:t>Expected response times</a:t>
            </a:r>
          </a:p>
        </p:txBody>
      </p:sp>
      <p:pic>
        <p:nvPicPr>
          <p:cNvPr id="12292" name="Picture 4" descr="A taste for discovery with Marco Pierre White | P&amp;O Cruises">
            <a:extLst>
              <a:ext uri="{FF2B5EF4-FFF2-40B4-BE49-F238E27FC236}">
                <a16:creationId xmlns:a16="http://schemas.microsoft.com/office/drawing/2014/main" id="{EC94F346-0C79-A313-5094-1C43B6B914EA}"/>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924" t="29645" r="19985" b="-2040"/>
          <a:stretch/>
        </p:blipFill>
        <p:spPr bwMode="auto">
          <a:xfrm>
            <a:off x="6438002" y="1707202"/>
            <a:ext cx="5321998" cy="3748357"/>
          </a:xfrm>
          <a:prstGeom prst="rect">
            <a:avLst/>
          </a:prstGeom>
          <a:solidFill>
            <a:srgbClr val="FFFFFF"/>
          </a:solidFill>
        </p:spPr>
      </p:pic>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7</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5311084" cy="450000"/>
          </a:xfrm>
        </p:spPr>
        <p:txBody>
          <a:bodyPr vert="horz" lIns="0" tIns="0" rIns="0" bIns="0" rtlCol="0" anchor="t">
            <a:normAutofit/>
          </a:bodyPr>
          <a:lstStyle/>
          <a:p>
            <a:pPr>
              <a:spcAft>
                <a:spcPts val="600"/>
              </a:spcAft>
            </a:pPr>
            <a:r>
              <a:rPr lang="en-GB" dirty="0"/>
              <a:t>Support Sign-off</a:t>
            </a:r>
          </a:p>
        </p:txBody>
      </p:sp>
    </p:spTree>
    <p:extLst>
      <p:ext uri="{BB962C8B-B14F-4D97-AF65-F5344CB8AC3E}">
        <p14:creationId xmlns:p14="http://schemas.microsoft.com/office/powerpoint/2010/main" val="53565680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piece of paper with a pencil on a marble surface&#10;&#10;Description automatically generated">
            <a:extLst>
              <a:ext uri="{FF2B5EF4-FFF2-40B4-BE49-F238E27FC236}">
                <a16:creationId xmlns:a16="http://schemas.microsoft.com/office/drawing/2014/main" id="{53DDC799-6940-4A53-2C99-5A163AB8EA10}"/>
              </a:ext>
            </a:extLst>
          </p:cNvPr>
          <p:cNvPicPr>
            <a:picLocks noChangeAspect="1"/>
          </p:cNvPicPr>
          <p:nvPr/>
        </p:nvPicPr>
        <p:blipFill>
          <a:blip r:embed="rId2"/>
          <a:srcRect t="24102" r="-1" b="-1"/>
          <a:stretch/>
        </p:blipFill>
        <p:spPr>
          <a:xfrm>
            <a:off x="431999" y="1061999"/>
            <a:ext cx="5311085" cy="5038764"/>
          </a:xfrm>
          <a:prstGeom prst="rect">
            <a:avLst/>
          </a:prstGeom>
          <a:noFill/>
        </p:spPr>
      </p:pic>
      <p:sp>
        <p:nvSpPr>
          <p:cNvPr id="4" name="TextBox 3">
            <a:extLst>
              <a:ext uri="{FF2B5EF4-FFF2-40B4-BE49-F238E27FC236}">
                <a16:creationId xmlns:a16="http://schemas.microsoft.com/office/drawing/2014/main" id="{986B71B5-7B75-3DE3-FD74-882A613A721F}"/>
              </a:ext>
            </a:extLst>
          </p:cNvPr>
          <p:cNvSpPr txBox="1"/>
          <p:nvPr/>
        </p:nvSpPr>
        <p:spPr>
          <a:xfrm>
            <a:off x="6438001" y="1061999"/>
            <a:ext cx="5584665" cy="5038764"/>
          </a:xfrm>
          <a:prstGeom prst="rect">
            <a:avLst/>
          </a:prstGeom>
        </p:spPr>
        <p:txBody>
          <a:bodyPr vert="horz" lIns="0" tIns="0" rIns="0" bIns="0" rtlCol="0">
            <a:normAutofit/>
          </a:bodyPr>
          <a:lstStyle/>
          <a:p>
            <a:pPr marL="180000" indent="-180000">
              <a:lnSpc>
                <a:spcPct val="90000"/>
              </a:lnSpc>
              <a:spcBef>
                <a:spcPts val="600"/>
              </a:spcBef>
              <a:buClr>
                <a:schemeClr val="accent2"/>
              </a:buClr>
              <a:buFont typeface="Arial" panose="020B0604020202020204" pitchFamily="34" charset="0"/>
              <a:buChar char="•"/>
            </a:pPr>
            <a:r>
              <a:rPr lang="en-GB" sz="1600" dirty="0"/>
              <a:t>[ ] Report developed in Development Workspace.</a:t>
            </a:r>
          </a:p>
          <a:p>
            <a:pPr marL="180000" indent="-180000">
              <a:lnSpc>
                <a:spcPct val="90000"/>
              </a:lnSpc>
              <a:spcBef>
                <a:spcPts val="600"/>
              </a:spcBef>
              <a:buClr>
                <a:schemeClr val="accent2"/>
              </a:buClr>
              <a:buFont typeface="Arial" panose="020B0604020202020204" pitchFamily="34" charset="0"/>
              <a:buChar char="•"/>
            </a:pPr>
            <a:r>
              <a:rPr lang="en-GB" sz="1600" dirty="0"/>
              <a:t>[ ] Ensure that the dataset is published along with the report.</a:t>
            </a:r>
          </a:p>
          <a:p>
            <a:pPr marL="180000" indent="-180000">
              <a:lnSpc>
                <a:spcPct val="90000"/>
              </a:lnSpc>
              <a:spcBef>
                <a:spcPts val="600"/>
              </a:spcBef>
              <a:buClr>
                <a:schemeClr val="accent2"/>
              </a:buClr>
              <a:buFont typeface="Arial" panose="020B0604020202020204" pitchFamily="34" charset="0"/>
              <a:buChar char="•"/>
            </a:pPr>
            <a:r>
              <a:rPr lang="en-GB" sz="1600" dirty="0"/>
              <a:t>[ ] Setup data refresh configuration, including data gateway it the data source are on-premises.</a:t>
            </a:r>
          </a:p>
          <a:p>
            <a:pPr marL="180000" indent="-180000">
              <a:lnSpc>
                <a:spcPct val="90000"/>
              </a:lnSpc>
              <a:spcBef>
                <a:spcPts val="600"/>
              </a:spcBef>
              <a:buClr>
                <a:schemeClr val="accent2"/>
              </a:buClr>
              <a:buFont typeface="Arial" panose="020B0604020202020204" pitchFamily="34" charset="0"/>
              <a:buChar char="•"/>
            </a:pPr>
            <a:r>
              <a:rPr lang="en-GB" sz="1600" dirty="0"/>
              <a:t>[ ] Appropriate colourisation is applied.</a:t>
            </a:r>
          </a:p>
          <a:p>
            <a:pPr marL="180000" indent="-180000">
              <a:lnSpc>
                <a:spcPct val="90000"/>
              </a:lnSpc>
              <a:spcBef>
                <a:spcPts val="600"/>
              </a:spcBef>
              <a:buClr>
                <a:schemeClr val="accent2"/>
              </a:buClr>
              <a:buFont typeface="Arial" panose="020B0604020202020204" pitchFamily="34" charset="0"/>
              <a:buChar char="•"/>
            </a:pPr>
            <a:r>
              <a:rPr lang="en-GB" sz="1600" dirty="0"/>
              <a:t>[ ]Data classification and endorsement label are applied.</a:t>
            </a:r>
          </a:p>
          <a:p>
            <a:pPr marL="180000" indent="-180000">
              <a:lnSpc>
                <a:spcPct val="90000"/>
              </a:lnSpc>
              <a:spcBef>
                <a:spcPts val="600"/>
              </a:spcBef>
              <a:buClr>
                <a:schemeClr val="accent2"/>
              </a:buClr>
              <a:buFont typeface="Arial" panose="020B0604020202020204" pitchFamily="34" charset="0"/>
              <a:buChar char="•"/>
            </a:pPr>
            <a:r>
              <a:rPr lang="en-GB" sz="1600" dirty="0"/>
              <a:t>[ ] UAT conducted in UAT Workspace.</a:t>
            </a:r>
          </a:p>
          <a:p>
            <a:pPr marL="180000" indent="-180000">
              <a:lnSpc>
                <a:spcPct val="90000"/>
              </a:lnSpc>
              <a:spcBef>
                <a:spcPts val="600"/>
              </a:spcBef>
              <a:buClr>
                <a:schemeClr val="accent2"/>
              </a:buClr>
              <a:buFont typeface="Arial" panose="020B0604020202020204" pitchFamily="34" charset="0"/>
              <a:buChar char="•"/>
            </a:pPr>
            <a:r>
              <a:rPr lang="en-GB" sz="1600" dirty="0"/>
              <a:t>[ ] Stakeholder approval is obtained.</a:t>
            </a:r>
          </a:p>
          <a:p>
            <a:pPr marL="180000" indent="-180000">
              <a:lnSpc>
                <a:spcPct val="90000"/>
              </a:lnSpc>
              <a:spcBef>
                <a:spcPts val="600"/>
              </a:spcBef>
              <a:buClr>
                <a:schemeClr val="accent2"/>
              </a:buClr>
              <a:buFont typeface="Arial" panose="020B0604020202020204" pitchFamily="34" charset="0"/>
              <a:buChar char="•"/>
            </a:pPr>
            <a:r>
              <a:rPr lang="en-GB" sz="1600" dirty="0"/>
              <a:t>[ ] AD groups created and configured.</a:t>
            </a:r>
          </a:p>
          <a:p>
            <a:pPr marL="180000" indent="-180000">
              <a:lnSpc>
                <a:spcPct val="90000"/>
              </a:lnSpc>
              <a:spcBef>
                <a:spcPts val="600"/>
              </a:spcBef>
              <a:buClr>
                <a:schemeClr val="accent2"/>
              </a:buClr>
              <a:buFont typeface="Arial" panose="020B0604020202020204" pitchFamily="34" charset="0"/>
              <a:buChar char="•"/>
            </a:pPr>
            <a:r>
              <a:rPr lang="en-GB" sz="1600" dirty="0"/>
              <a:t>[ ] Support agreement signed.</a:t>
            </a:r>
          </a:p>
          <a:p>
            <a:pPr marL="180000" indent="-180000">
              <a:lnSpc>
                <a:spcPct val="90000"/>
              </a:lnSpc>
              <a:spcBef>
                <a:spcPts val="600"/>
              </a:spcBef>
              <a:buClr>
                <a:schemeClr val="accent2"/>
              </a:buClr>
              <a:buFont typeface="Arial" panose="020B0604020202020204" pitchFamily="34" charset="0"/>
              <a:buChar char="•"/>
            </a:pPr>
            <a:r>
              <a:rPr lang="en-GB" sz="1600" dirty="0"/>
              <a:t>[ ] DnA team review is completed.</a:t>
            </a:r>
          </a:p>
          <a:p>
            <a:pPr marL="180000" indent="-180000">
              <a:lnSpc>
                <a:spcPct val="90000"/>
              </a:lnSpc>
              <a:spcBef>
                <a:spcPts val="600"/>
              </a:spcBef>
              <a:buClr>
                <a:schemeClr val="accent2"/>
              </a:buClr>
              <a:buFont typeface="Arial" panose="020B0604020202020204" pitchFamily="34" charset="0"/>
              <a:buChar char="•"/>
            </a:pPr>
            <a:r>
              <a:rPr lang="en-GB" sz="1600" dirty="0"/>
              <a:t>[ ] Final deployment to Production Workspace.</a:t>
            </a:r>
          </a:p>
        </p:txBody>
      </p:sp>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8</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5311084" cy="450000"/>
          </a:xfrm>
        </p:spPr>
        <p:txBody>
          <a:bodyPr vert="horz" lIns="0" tIns="0" rIns="0" bIns="0" rtlCol="0" anchor="t">
            <a:normAutofit/>
          </a:bodyPr>
          <a:lstStyle/>
          <a:p>
            <a:pPr>
              <a:spcAft>
                <a:spcPts val="600"/>
              </a:spcAft>
            </a:pPr>
            <a:r>
              <a:rPr lang="en-GB">
                <a:effectLst/>
              </a:rPr>
              <a:t>Deployment Checklist</a:t>
            </a:r>
          </a:p>
        </p:txBody>
      </p:sp>
      <p:sp>
        <p:nvSpPr>
          <p:cNvPr id="2" name="AutoShape 4" descr="Best Sourdough Bread Recipe (with Video!) – A Couple Cooks">
            <a:extLst>
              <a:ext uri="{FF2B5EF4-FFF2-40B4-BE49-F238E27FC236}">
                <a16:creationId xmlns:a16="http://schemas.microsoft.com/office/drawing/2014/main" id="{8D1B680F-7446-B28A-5AA8-334ED835E6C2}"/>
              </a:ext>
            </a:extLst>
          </p:cNvPr>
          <p:cNvSpPr>
            <a:spLocks noChangeAspect="1" noChangeArrowheads="1"/>
          </p:cNvSpPr>
          <p:nvPr/>
        </p:nvSpPr>
        <p:spPr bwMode="auto">
          <a:xfrm>
            <a:off x="5943600" y="3276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spTree>
    <p:extLst>
      <p:ext uri="{BB962C8B-B14F-4D97-AF65-F5344CB8AC3E}">
        <p14:creationId xmlns:p14="http://schemas.microsoft.com/office/powerpoint/2010/main" val="214245244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986B71B5-7B75-3DE3-FD74-882A613A721F}"/>
              </a:ext>
            </a:extLst>
          </p:cNvPr>
          <p:cNvSpPr txBox="1"/>
          <p:nvPr/>
        </p:nvSpPr>
        <p:spPr>
          <a:xfrm>
            <a:off x="431999" y="1061998"/>
            <a:ext cx="5556001" cy="5040000"/>
          </a:xfrm>
          <a:prstGeom prst="rect">
            <a:avLst/>
          </a:prstGeom>
        </p:spPr>
        <p:txBody>
          <a:bodyPr vert="horz" lIns="0" tIns="0" rIns="0" bIns="0" rtlCol="0">
            <a:normAutofit/>
          </a:bodyPr>
          <a:lstStyle/>
          <a:p>
            <a:pPr marL="180000" indent="-180000">
              <a:lnSpc>
                <a:spcPct val="90000"/>
              </a:lnSpc>
              <a:spcBef>
                <a:spcPts val="600"/>
              </a:spcBef>
              <a:buClr>
                <a:schemeClr val="accent2"/>
              </a:buClr>
              <a:buFont typeface="Arial" panose="020B0604020202020204" pitchFamily="34" charset="0"/>
              <a:buChar char="•"/>
            </a:pPr>
            <a:r>
              <a:rPr lang="en-US" dirty="0" err="1"/>
              <a:t>Utilise</a:t>
            </a:r>
            <a:r>
              <a:rPr lang="en-US" dirty="0"/>
              <a:t> the Usage Metrics report in Power BI, a pre-built report that shows how content is being used over the past 90 days. </a:t>
            </a:r>
          </a:p>
          <a:p>
            <a:pPr marL="180000" indent="-180000">
              <a:lnSpc>
                <a:spcPct val="90000"/>
              </a:lnSpc>
              <a:spcBef>
                <a:spcPts val="600"/>
              </a:spcBef>
              <a:buClr>
                <a:schemeClr val="accent2"/>
              </a:buClr>
              <a:buFont typeface="Arial" panose="020B0604020202020204" pitchFamily="34" charset="0"/>
              <a:buChar char="•"/>
            </a:pPr>
            <a:endParaRPr lang="en-US" dirty="0"/>
          </a:p>
          <a:p>
            <a:pPr>
              <a:lnSpc>
                <a:spcPct val="90000"/>
              </a:lnSpc>
              <a:spcBef>
                <a:spcPts val="600"/>
              </a:spcBef>
              <a:buClr>
                <a:schemeClr val="accent2"/>
              </a:buClr>
            </a:pPr>
            <a:r>
              <a:rPr lang="en-US" dirty="0"/>
              <a:t>It can help us:</a:t>
            </a:r>
          </a:p>
          <a:p>
            <a:pPr marL="180000" indent="-180000">
              <a:lnSpc>
                <a:spcPct val="90000"/>
              </a:lnSpc>
              <a:spcBef>
                <a:spcPts val="600"/>
              </a:spcBef>
              <a:buClr>
                <a:schemeClr val="accent2"/>
              </a:buClr>
              <a:buFont typeface="Arial" panose="020B0604020202020204" pitchFamily="34" charset="0"/>
              <a:buChar char="•"/>
            </a:pPr>
            <a:r>
              <a:rPr lang="en-GB" b="1" i="0" dirty="0">
                <a:solidFill>
                  <a:srgbClr val="212121"/>
                </a:solidFill>
                <a:effectLst/>
                <a:latin typeface="Calibri" panose="020F0502020204030204" pitchFamily="34" charset="0"/>
              </a:rPr>
              <a:t>Understand User Engagement</a:t>
            </a:r>
            <a:r>
              <a:rPr lang="en-GB" b="0" i="0" dirty="0">
                <a:solidFill>
                  <a:srgbClr val="212121"/>
                </a:solidFill>
                <a:effectLst/>
                <a:latin typeface="Calibri" panose="020F0502020204030204" pitchFamily="34" charset="0"/>
              </a:rPr>
              <a:t>: Report usage monitoring helps identify which users or departments are actively using the reports and how frequently they are accessing them.</a:t>
            </a:r>
          </a:p>
          <a:p>
            <a:pPr marL="180000" indent="-180000">
              <a:lnSpc>
                <a:spcPct val="90000"/>
              </a:lnSpc>
              <a:spcBef>
                <a:spcPts val="600"/>
              </a:spcBef>
              <a:buClr>
                <a:schemeClr val="accent2"/>
              </a:buClr>
              <a:buFont typeface="Arial" panose="020B0604020202020204" pitchFamily="34" charset="0"/>
              <a:buChar char="•"/>
            </a:pPr>
            <a:endParaRPr lang="en-GB" b="0" i="0" dirty="0">
              <a:solidFill>
                <a:srgbClr val="212121"/>
              </a:solidFill>
              <a:effectLst/>
              <a:latin typeface="Calibri" panose="020F0502020204030204" pitchFamily="34" charset="0"/>
            </a:endParaRPr>
          </a:p>
          <a:p>
            <a:pPr marL="180000" indent="-180000">
              <a:lnSpc>
                <a:spcPct val="90000"/>
              </a:lnSpc>
              <a:spcBef>
                <a:spcPts val="600"/>
              </a:spcBef>
              <a:buClr>
                <a:schemeClr val="accent2"/>
              </a:buClr>
              <a:buFont typeface="Arial" panose="020B0604020202020204" pitchFamily="34" charset="0"/>
              <a:buChar char="•"/>
            </a:pPr>
            <a:r>
              <a:rPr lang="en-GB" b="1" i="0" dirty="0">
                <a:solidFill>
                  <a:srgbClr val="212121"/>
                </a:solidFill>
                <a:effectLst/>
                <a:latin typeface="Calibri" panose="020F0502020204030204" pitchFamily="34" charset="0"/>
              </a:rPr>
              <a:t>Track how reports are shared</a:t>
            </a:r>
            <a:r>
              <a:rPr lang="en-GB" b="0" i="0" dirty="0">
                <a:solidFill>
                  <a:srgbClr val="212121"/>
                </a:solidFill>
                <a:effectLst/>
                <a:latin typeface="Calibri" panose="020F0502020204030204" pitchFamily="34" charset="0"/>
              </a:rPr>
              <a:t>: Monitoring report usage helps to keep track of who is accessing the shared reports, ensuring that reports are shared responsibly and securely.</a:t>
            </a:r>
          </a:p>
          <a:p>
            <a:pPr marL="180000" indent="-180000">
              <a:lnSpc>
                <a:spcPct val="90000"/>
              </a:lnSpc>
              <a:spcBef>
                <a:spcPts val="600"/>
              </a:spcBef>
              <a:buClr>
                <a:schemeClr val="accent2"/>
              </a:buClr>
              <a:buFont typeface="Arial" panose="020B0604020202020204" pitchFamily="34" charset="0"/>
              <a:buChar char="•"/>
            </a:pPr>
            <a:endParaRPr lang="en-GB" dirty="0">
              <a:solidFill>
                <a:srgbClr val="212121"/>
              </a:solidFill>
              <a:latin typeface="Calibri" panose="020F0502020204030204" pitchFamily="34" charset="0"/>
            </a:endParaRPr>
          </a:p>
          <a:p>
            <a:pPr marL="180000" indent="-180000">
              <a:lnSpc>
                <a:spcPct val="90000"/>
              </a:lnSpc>
              <a:spcBef>
                <a:spcPts val="600"/>
              </a:spcBef>
              <a:buClr>
                <a:schemeClr val="accent2"/>
              </a:buClr>
              <a:buFont typeface="Arial" panose="020B0604020202020204" pitchFamily="34" charset="0"/>
              <a:buChar char="•"/>
            </a:pPr>
            <a:r>
              <a:rPr lang="en-GB" b="1" i="0" dirty="0">
                <a:solidFill>
                  <a:srgbClr val="212121"/>
                </a:solidFill>
                <a:effectLst/>
                <a:latin typeface="Calibri" panose="020F0502020204030204" pitchFamily="34" charset="0"/>
              </a:rPr>
              <a:t>Analyse report reach</a:t>
            </a:r>
            <a:r>
              <a:rPr lang="en-GB" b="0" i="0" dirty="0">
                <a:solidFill>
                  <a:srgbClr val="212121"/>
                </a:solidFill>
                <a:effectLst/>
                <a:latin typeface="Calibri" panose="020F0502020204030204" pitchFamily="34" charset="0"/>
              </a:rPr>
              <a:t>: How far a report has been distributed within the organization and whether it’s reaching its intended audience.</a:t>
            </a:r>
            <a:endParaRPr lang="en-US" dirty="0"/>
          </a:p>
        </p:txBody>
      </p:sp>
      <p:pic>
        <p:nvPicPr>
          <p:cNvPr id="18434" name="Picture 2" descr="Premium Photo | Calculator with Sliced whole grain rye bread on white  background Diet calorie counting concept">
            <a:extLst>
              <a:ext uri="{FF2B5EF4-FFF2-40B4-BE49-F238E27FC236}">
                <a16:creationId xmlns:a16="http://schemas.microsoft.com/office/drawing/2014/main" id="{421F3D9D-F598-E430-6CE0-4CBF375FA57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l="2900" r="23790" b="-2"/>
          <a:stretch/>
        </p:blipFill>
        <p:spPr bwMode="auto">
          <a:xfrm>
            <a:off x="6204001" y="1061998"/>
            <a:ext cx="5556001" cy="5040000"/>
          </a:xfrm>
          <a:prstGeom prst="rect">
            <a:avLst/>
          </a:prstGeom>
          <a:solidFill>
            <a:srgbClr val="FFFFFF"/>
          </a:solidFill>
        </p:spPr>
      </p:pic>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9</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10452484" cy="450000"/>
          </a:xfrm>
        </p:spPr>
        <p:txBody>
          <a:bodyPr vert="horz" lIns="0" tIns="0" rIns="0" bIns="0" rtlCol="0" anchor="t">
            <a:normAutofit/>
          </a:bodyPr>
          <a:lstStyle/>
          <a:p>
            <a:pPr>
              <a:spcAft>
                <a:spcPts val="600"/>
              </a:spcAft>
            </a:pPr>
            <a:r>
              <a:rPr lang="en-GB" dirty="0"/>
              <a:t>Report Usage Monitoring</a:t>
            </a:r>
          </a:p>
        </p:txBody>
      </p:sp>
    </p:spTree>
    <p:extLst>
      <p:ext uri="{BB962C8B-B14F-4D97-AF65-F5344CB8AC3E}">
        <p14:creationId xmlns:p14="http://schemas.microsoft.com/office/powerpoint/2010/main" val="276912482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AB2F36FB-C2C7-8287-D709-FCBB3C038231}"/>
              </a:ext>
            </a:extLst>
          </p:cNvPr>
          <p:cNvSpPr>
            <a:spLocks noGrp="1"/>
          </p:cNvSpPr>
          <p:nvPr>
            <p:ph sz="half" idx="2"/>
          </p:nvPr>
        </p:nvSpPr>
        <p:spPr>
          <a:xfrm>
            <a:off x="523452" y="1128919"/>
            <a:ext cx="4876871" cy="4600162"/>
          </a:xfrm>
        </p:spPr>
        <p:txBody>
          <a:bodyPr>
            <a:normAutofit/>
          </a:bodyPr>
          <a:lstStyle/>
          <a:p>
            <a:pPr>
              <a:lnSpc>
                <a:spcPct val="150000"/>
              </a:lnSpc>
              <a:spcAft>
                <a:spcPts val="800"/>
              </a:spcAft>
            </a:pPr>
            <a:r>
              <a:rPr lang="en-US" sz="2000" kern="100" dirty="0">
                <a:effectLst/>
                <a:latin typeface="Aptos" panose="020B0004020202020204" pitchFamily="34" charset="0"/>
              </a:rPr>
              <a:t>This document outlines the steps required to deploy Power BI reports using the </a:t>
            </a:r>
            <a:r>
              <a:rPr lang="en-US" sz="2000" b="1" kern="100" dirty="0">
                <a:effectLst/>
                <a:latin typeface="Aptos" panose="020B0004020202020204" pitchFamily="34" charset="0"/>
              </a:rPr>
              <a:t>Power BI Deployment Pipeline</a:t>
            </a:r>
            <a:r>
              <a:rPr lang="en-US" sz="2000" kern="100" dirty="0">
                <a:effectLst/>
                <a:latin typeface="Aptos" panose="020B0004020202020204" pitchFamily="34" charset="0"/>
              </a:rPr>
              <a:t>. </a:t>
            </a:r>
          </a:p>
          <a:p>
            <a:pPr>
              <a:lnSpc>
                <a:spcPct val="150000"/>
              </a:lnSpc>
              <a:spcAft>
                <a:spcPts val="800"/>
              </a:spcAft>
            </a:pPr>
            <a:r>
              <a:rPr lang="en-US" sz="2000" kern="100" dirty="0">
                <a:effectLst/>
                <a:latin typeface="Aptos" panose="020B0004020202020204" pitchFamily="34" charset="0"/>
              </a:rPr>
              <a:t>The deployment pipeline is a feature in Power BI Service that allows you to streamline the development, testing, and deployment of Power BI reports across different environments like </a:t>
            </a:r>
            <a:r>
              <a:rPr lang="en-US" sz="2000" b="1" kern="100" dirty="0">
                <a:effectLst/>
                <a:latin typeface="Aptos" panose="020B0004020202020204" pitchFamily="34" charset="0"/>
              </a:rPr>
              <a:t>Development</a:t>
            </a:r>
            <a:r>
              <a:rPr lang="en-US" sz="2000" kern="100" dirty="0">
                <a:effectLst/>
                <a:latin typeface="Aptos" panose="020B0004020202020204" pitchFamily="34" charset="0"/>
              </a:rPr>
              <a:t>, </a:t>
            </a:r>
            <a:r>
              <a:rPr lang="en-US" sz="2000" b="1" kern="100" dirty="0">
                <a:effectLst/>
                <a:latin typeface="Aptos" panose="020B0004020202020204" pitchFamily="34" charset="0"/>
              </a:rPr>
              <a:t>Test (Staging)</a:t>
            </a:r>
            <a:r>
              <a:rPr lang="en-US" sz="2000" kern="100" dirty="0">
                <a:effectLst/>
                <a:latin typeface="Aptos" panose="020B0004020202020204" pitchFamily="34" charset="0"/>
              </a:rPr>
              <a:t>, and </a:t>
            </a:r>
            <a:r>
              <a:rPr lang="en-US" sz="2000" b="1" kern="100" dirty="0">
                <a:effectLst/>
                <a:latin typeface="Aptos" panose="020B0004020202020204" pitchFamily="34" charset="0"/>
              </a:rPr>
              <a:t>Production</a:t>
            </a:r>
            <a:r>
              <a:rPr lang="en-US" sz="2000" kern="100" dirty="0">
                <a:effectLst/>
                <a:latin typeface="Aptos" panose="020B0004020202020204" pitchFamily="34" charset="0"/>
              </a:rPr>
              <a:t>.</a:t>
            </a:r>
            <a:endParaRPr lang="en-GB" sz="2000" kern="100" dirty="0">
              <a:effectLst/>
              <a:latin typeface="Aptos" panose="020B0004020202020204" pitchFamily="34" charset="0"/>
            </a:endParaRPr>
          </a:p>
        </p:txBody>
      </p:sp>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7"/>
          </p:nvPr>
        </p:nvSpPr>
        <p:spPr>
          <a:xfrm>
            <a:off x="430625" y="6312875"/>
            <a:ext cx="2198275" cy="365125"/>
          </a:xfrm>
        </p:spPr>
        <p:txBody>
          <a:bodyPr anchor="ctr">
            <a:normAutofit/>
          </a:bodyPr>
          <a:lstStyle/>
          <a:p>
            <a:pPr>
              <a:spcAft>
                <a:spcPts val="600"/>
              </a:spcAft>
            </a:pPr>
            <a:r>
              <a:rPr lang="en-GB"/>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8"/>
          </p:nvPr>
        </p:nvSpPr>
        <p:spPr>
          <a:xfrm>
            <a:off x="10401300" y="6312875"/>
            <a:ext cx="1358700" cy="365125"/>
          </a:xfrm>
        </p:spPr>
        <p:txBody>
          <a:bodyPr/>
          <a:lstStyle/>
          <a:p>
            <a:pPr>
              <a:spcAft>
                <a:spcPts val="600"/>
              </a:spcAft>
            </a:pPr>
            <a:fld id="{C855AFFB-64D9-4FA4-905E-E079B4C44CCB}" type="slidenum">
              <a:rPr lang="en-GB" sz="1800" smtClean="0"/>
              <a:pPr>
                <a:spcAft>
                  <a:spcPts val="600"/>
                </a:spcAft>
              </a:pPr>
              <a:t>2</a:t>
            </a:fld>
            <a:r>
              <a:rPr lang="en-GB">
                <a:latin typeface="Avenir Next LT Pro" panose="020B0504020202020204" pitchFamily="34" charset="0"/>
              </a:rPr>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5322687" cy="450000"/>
          </a:xfrm>
        </p:spPr>
        <p:txBody>
          <a:bodyPr anchor="t">
            <a:normAutofit/>
          </a:bodyPr>
          <a:lstStyle/>
          <a:p>
            <a:r>
              <a:rPr lang="en-GB" dirty="0"/>
              <a:t>Introduction</a:t>
            </a:r>
          </a:p>
        </p:txBody>
      </p:sp>
      <p:pic>
        <p:nvPicPr>
          <p:cNvPr id="4" name="Picture 3" descr="Sliced bread at three stages of toasting">
            <a:extLst>
              <a:ext uri="{FF2B5EF4-FFF2-40B4-BE49-F238E27FC236}">
                <a16:creationId xmlns:a16="http://schemas.microsoft.com/office/drawing/2014/main" id="{C7FBF6D2-0DAF-A2DA-13DD-C07B3C71A291}"/>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611086" y="1566493"/>
            <a:ext cx="6319901" cy="2484428"/>
          </a:xfrm>
          <a:prstGeom prst="rect">
            <a:avLst/>
          </a:prstGeom>
        </p:spPr>
      </p:pic>
      <p:sp>
        <p:nvSpPr>
          <p:cNvPr id="8" name="TextBox 7">
            <a:extLst>
              <a:ext uri="{FF2B5EF4-FFF2-40B4-BE49-F238E27FC236}">
                <a16:creationId xmlns:a16="http://schemas.microsoft.com/office/drawing/2014/main" id="{9228DDB1-E304-FA44-1A30-6B1763D54425}"/>
              </a:ext>
            </a:extLst>
          </p:cNvPr>
          <p:cNvSpPr txBox="1"/>
          <p:nvPr/>
        </p:nvSpPr>
        <p:spPr>
          <a:xfrm>
            <a:off x="5881481" y="3712367"/>
            <a:ext cx="1672259" cy="338554"/>
          </a:xfrm>
          <a:prstGeom prst="rect">
            <a:avLst/>
          </a:prstGeom>
          <a:noFill/>
        </p:spPr>
        <p:txBody>
          <a:bodyPr wrap="square">
            <a:spAutoFit/>
          </a:bodyPr>
          <a:lstStyle/>
          <a:p>
            <a:pPr algn="ctr"/>
            <a:r>
              <a:rPr lang="en-US" sz="1600" kern="100" dirty="0">
                <a:effectLst/>
              </a:rPr>
              <a:t>Development</a:t>
            </a:r>
            <a:endParaRPr lang="en-GB" sz="1600" dirty="0"/>
          </a:p>
        </p:txBody>
      </p:sp>
      <p:sp>
        <p:nvSpPr>
          <p:cNvPr id="9" name="TextBox 8">
            <a:extLst>
              <a:ext uri="{FF2B5EF4-FFF2-40B4-BE49-F238E27FC236}">
                <a16:creationId xmlns:a16="http://schemas.microsoft.com/office/drawing/2014/main" id="{33130016-35E3-CEB7-BD0F-5B670F3211DF}"/>
              </a:ext>
            </a:extLst>
          </p:cNvPr>
          <p:cNvSpPr txBox="1"/>
          <p:nvPr/>
        </p:nvSpPr>
        <p:spPr>
          <a:xfrm>
            <a:off x="7964723" y="3712367"/>
            <a:ext cx="1672259" cy="338554"/>
          </a:xfrm>
          <a:prstGeom prst="rect">
            <a:avLst/>
          </a:prstGeom>
          <a:noFill/>
        </p:spPr>
        <p:txBody>
          <a:bodyPr wrap="square">
            <a:spAutoFit/>
          </a:bodyPr>
          <a:lstStyle/>
          <a:p>
            <a:pPr algn="ctr"/>
            <a:r>
              <a:rPr lang="en-US" sz="1600" kern="100" dirty="0">
                <a:effectLst/>
              </a:rPr>
              <a:t>Test</a:t>
            </a:r>
            <a:endParaRPr lang="en-GB" sz="1600" dirty="0"/>
          </a:p>
        </p:txBody>
      </p:sp>
      <p:sp>
        <p:nvSpPr>
          <p:cNvPr id="10" name="TextBox 9">
            <a:extLst>
              <a:ext uri="{FF2B5EF4-FFF2-40B4-BE49-F238E27FC236}">
                <a16:creationId xmlns:a16="http://schemas.microsoft.com/office/drawing/2014/main" id="{89321349-8B11-DA73-64C8-6281FD5D98BE}"/>
              </a:ext>
            </a:extLst>
          </p:cNvPr>
          <p:cNvSpPr txBox="1"/>
          <p:nvPr/>
        </p:nvSpPr>
        <p:spPr>
          <a:xfrm>
            <a:off x="10047965" y="3712367"/>
            <a:ext cx="1672259" cy="338554"/>
          </a:xfrm>
          <a:prstGeom prst="rect">
            <a:avLst/>
          </a:prstGeom>
          <a:noFill/>
        </p:spPr>
        <p:txBody>
          <a:bodyPr wrap="square">
            <a:spAutoFit/>
          </a:bodyPr>
          <a:lstStyle/>
          <a:p>
            <a:pPr algn="ctr"/>
            <a:r>
              <a:rPr lang="en-US" sz="1600" kern="100" dirty="0">
                <a:effectLst/>
              </a:rPr>
              <a:t>Production</a:t>
            </a:r>
            <a:endParaRPr lang="en-GB" sz="1600" dirty="0"/>
          </a:p>
        </p:txBody>
      </p:sp>
    </p:spTree>
    <p:extLst>
      <p:ext uri="{BB962C8B-B14F-4D97-AF65-F5344CB8AC3E}">
        <p14:creationId xmlns:p14="http://schemas.microsoft.com/office/powerpoint/2010/main" val="33452514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anchor="ctr">
            <a:normAutofit fontScale="55000" lnSpcReduction="20000"/>
          </a:bodyPr>
          <a:lstStyle/>
          <a:p>
            <a:pPr marL="457200">
              <a:spcAft>
                <a:spcPts val="600"/>
              </a:spcAft>
            </a:pPr>
            <a:r>
              <a:rPr lang="en-GB" sz="1800">
                <a:effectLst/>
                <a:latin typeface="Arial" panose="020B0604020202020204" pitchFamily="34" charset="0"/>
                <a:ea typeface="Arial" panose="020B0604020202020204" pitchFamily="34" charset="0"/>
                <a:cs typeface="Times New Roman" panose="02020603050405020304" pitchFamily="18" charset="0"/>
              </a:rPr>
              <a:t>Opportunity to use different data sources for each stage</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10452484" cy="450000"/>
          </a:xfrm>
        </p:spPr>
        <p:txBody>
          <a:bodyPr anchor="t">
            <a:normAutofit/>
          </a:bodyPr>
          <a:lstStyle/>
          <a:p>
            <a:r>
              <a:rPr lang="en-GB" dirty="0"/>
              <a:t>Benefits</a:t>
            </a:r>
          </a:p>
        </p:txBody>
      </p:sp>
      <p:pic>
        <p:nvPicPr>
          <p:cNvPr id="62" name="Picture 61">
            <a:extLst>
              <a:ext uri="{FF2B5EF4-FFF2-40B4-BE49-F238E27FC236}">
                <a16:creationId xmlns:a16="http://schemas.microsoft.com/office/drawing/2014/main" id="{6A57187E-44B3-6314-A019-4DE2A3F05228}"/>
              </a:ext>
            </a:extLst>
          </p:cNvPr>
          <p:cNvPicPr>
            <a:picLocks noChangeAspect="1"/>
          </p:cNvPicPr>
          <p:nvPr/>
        </p:nvPicPr>
        <p:blipFill>
          <a:blip r:embed="rId2"/>
          <a:stretch>
            <a:fillRect/>
          </a:stretch>
        </p:blipFill>
        <p:spPr>
          <a:xfrm>
            <a:off x="2894170" y="1586121"/>
            <a:ext cx="6736506" cy="4162835"/>
          </a:xfrm>
          <a:prstGeom prst="rect">
            <a:avLst/>
          </a:prstGeom>
        </p:spPr>
      </p:pic>
      <p:sp>
        <p:nvSpPr>
          <p:cNvPr id="1024" name="TextBox 1023">
            <a:extLst>
              <a:ext uri="{FF2B5EF4-FFF2-40B4-BE49-F238E27FC236}">
                <a16:creationId xmlns:a16="http://schemas.microsoft.com/office/drawing/2014/main" id="{EC484C8C-F96E-22D0-63AD-FA164A8AE55E}"/>
              </a:ext>
            </a:extLst>
          </p:cNvPr>
          <p:cNvSpPr txBox="1"/>
          <p:nvPr/>
        </p:nvSpPr>
        <p:spPr>
          <a:xfrm>
            <a:off x="1110698" y="2300765"/>
            <a:ext cx="2931736" cy="830997"/>
          </a:xfrm>
          <a:prstGeom prst="rect">
            <a:avLst/>
          </a:prstGeom>
          <a:noFill/>
        </p:spPr>
        <p:txBody>
          <a:bodyPr wrap="square">
            <a:spAutoFit/>
          </a:bodyPr>
          <a:lstStyle/>
          <a:p>
            <a:pPr algn="ctr"/>
            <a:r>
              <a:rPr lang="en-GB" sz="1600" dirty="0">
                <a:effectLst/>
                <a:latin typeface="Arial" panose="020B0604020202020204" pitchFamily="34" charset="0"/>
                <a:ea typeface="Arial" panose="020B0604020202020204" pitchFamily="34" charset="0"/>
                <a:cs typeface="Times New Roman" panose="02020603050405020304" pitchFamily="18" charset="0"/>
              </a:rPr>
              <a:t>Controlled content progression through development stages</a:t>
            </a:r>
            <a:endParaRPr lang="en-GB" sz="1600" dirty="0"/>
          </a:p>
        </p:txBody>
      </p:sp>
      <p:sp>
        <p:nvSpPr>
          <p:cNvPr id="1026" name="TextBox 1025">
            <a:extLst>
              <a:ext uri="{FF2B5EF4-FFF2-40B4-BE49-F238E27FC236}">
                <a16:creationId xmlns:a16="http://schemas.microsoft.com/office/drawing/2014/main" id="{5572957C-CFA6-7582-AF0F-D7B9C44BBDF9}"/>
              </a:ext>
            </a:extLst>
          </p:cNvPr>
          <p:cNvSpPr txBox="1"/>
          <p:nvPr/>
        </p:nvSpPr>
        <p:spPr>
          <a:xfrm>
            <a:off x="226944" y="3862780"/>
            <a:ext cx="2667226" cy="1323439"/>
          </a:xfrm>
          <a:prstGeom prst="rect">
            <a:avLst/>
          </a:prstGeom>
          <a:noFill/>
        </p:spPr>
        <p:txBody>
          <a:bodyPr wrap="square">
            <a:spAutoFit/>
          </a:bodyPr>
          <a:lstStyle/>
          <a:p>
            <a:pPr marL="457200" algn="ctr">
              <a:spcAft>
                <a:spcPts val="600"/>
              </a:spcAft>
            </a:pPr>
            <a:r>
              <a:rPr lang="en-GB" sz="1600" dirty="0">
                <a:effectLst/>
                <a:latin typeface="Arial" panose="020B0604020202020204" pitchFamily="34" charset="0"/>
                <a:ea typeface="Arial" panose="020B0604020202020204" pitchFamily="34" charset="0"/>
                <a:cs typeface="Times New Roman" panose="02020603050405020304" pitchFamily="18" charset="0"/>
              </a:rPr>
              <a:t>Isolation of development and testing activities from production environments</a:t>
            </a:r>
          </a:p>
        </p:txBody>
      </p:sp>
      <p:sp>
        <p:nvSpPr>
          <p:cNvPr id="1028" name="TextBox 1027">
            <a:extLst>
              <a:ext uri="{FF2B5EF4-FFF2-40B4-BE49-F238E27FC236}">
                <a16:creationId xmlns:a16="http://schemas.microsoft.com/office/drawing/2014/main" id="{538B3891-A9A5-D1F7-F3CA-DD8A9F099E93}"/>
              </a:ext>
            </a:extLst>
          </p:cNvPr>
          <p:cNvSpPr txBox="1"/>
          <p:nvPr/>
        </p:nvSpPr>
        <p:spPr>
          <a:xfrm>
            <a:off x="4337186" y="725651"/>
            <a:ext cx="3517627" cy="830997"/>
          </a:xfrm>
          <a:prstGeom prst="rect">
            <a:avLst/>
          </a:prstGeom>
          <a:noFill/>
        </p:spPr>
        <p:txBody>
          <a:bodyPr wrap="square">
            <a:spAutoFit/>
          </a:bodyPr>
          <a:lstStyle/>
          <a:p>
            <a:pPr marL="457200" algn="ctr">
              <a:spcAft>
                <a:spcPts val="600"/>
              </a:spcAft>
            </a:pPr>
            <a:r>
              <a:rPr lang="en-GB" sz="1600" dirty="0">
                <a:effectLst/>
                <a:latin typeface="Arial" panose="020B0604020202020204" pitchFamily="34" charset="0"/>
                <a:ea typeface="Arial" panose="020B0604020202020204" pitchFamily="34" charset="0"/>
                <a:cs typeface="Times New Roman" panose="02020603050405020304" pitchFamily="18" charset="0"/>
              </a:rPr>
              <a:t>Structured user acceptance testing before production release</a:t>
            </a:r>
          </a:p>
        </p:txBody>
      </p:sp>
      <p:sp>
        <p:nvSpPr>
          <p:cNvPr id="1030" name="TextBox 1029">
            <a:extLst>
              <a:ext uri="{FF2B5EF4-FFF2-40B4-BE49-F238E27FC236}">
                <a16:creationId xmlns:a16="http://schemas.microsoft.com/office/drawing/2014/main" id="{D51D7306-7D72-92DE-069B-EA865FB352C9}"/>
              </a:ext>
            </a:extLst>
          </p:cNvPr>
          <p:cNvSpPr txBox="1"/>
          <p:nvPr/>
        </p:nvSpPr>
        <p:spPr>
          <a:xfrm>
            <a:off x="8366263" y="2339298"/>
            <a:ext cx="3517627" cy="830997"/>
          </a:xfrm>
          <a:prstGeom prst="rect">
            <a:avLst/>
          </a:prstGeom>
          <a:noFill/>
        </p:spPr>
        <p:txBody>
          <a:bodyPr wrap="square">
            <a:spAutoFit/>
          </a:bodyPr>
          <a:lstStyle/>
          <a:p>
            <a:pPr marL="457200" algn="ctr">
              <a:spcAft>
                <a:spcPts val="600"/>
              </a:spcAft>
            </a:pPr>
            <a:r>
              <a:rPr lang="en-GB" sz="1600" dirty="0">
                <a:effectLst/>
                <a:latin typeface="Arial" panose="020B0604020202020204" pitchFamily="34" charset="0"/>
                <a:ea typeface="Arial" panose="020B0604020202020204" pitchFamily="34" charset="0"/>
                <a:cs typeface="Times New Roman" panose="02020603050405020304" pitchFamily="18" charset="0"/>
              </a:rPr>
              <a:t>Reduced risk of exposing unfinished or untested content to end-users</a:t>
            </a:r>
          </a:p>
        </p:txBody>
      </p:sp>
      <p:sp>
        <p:nvSpPr>
          <p:cNvPr id="1032" name="TextBox 1031">
            <a:extLst>
              <a:ext uri="{FF2B5EF4-FFF2-40B4-BE49-F238E27FC236}">
                <a16:creationId xmlns:a16="http://schemas.microsoft.com/office/drawing/2014/main" id="{0D7D92F2-5F69-A470-533D-07386443CDAC}"/>
              </a:ext>
            </a:extLst>
          </p:cNvPr>
          <p:cNvSpPr txBox="1"/>
          <p:nvPr/>
        </p:nvSpPr>
        <p:spPr>
          <a:xfrm>
            <a:off x="9297830" y="4355222"/>
            <a:ext cx="2667226" cy="830997"/>
          </a:xfrm>
          <a:prstGeom prst="rect">
            <a:avLst/>
          </a:prstGeom>
          <a:noFill/>
        </p:spPr>
        <p:txBody>
          <a:bodyPr wrap="square">
            <a:spAutoFit/>
          </a:bodyPr>
          <a:lstStyle/>
          <a:p>
            <a:pPr marL="457200" algn="ctr">
              <a:spcAft>
                <a:spcPts val="600"/>
              </a:spcAft>
            </a:pPr>
            <a:r>
              <a:rPr lang="en-GB" sz="1600" dirty="0">
                <a:effectLst/>
                <a:latin typeface="Arial" panose="020B0604020202020204" pitchFamily="34" charset="0"/>
                <a:ea typeface="Arial" panose="020B0604020202020204" pitchFamily="34" charset="0"/>
                <a:cs typeface="Times New Roman" panose="02020603050405020304" pitchFamily="18" charset="0"/>
              </a:rPr>
              <a:t>Opportunity to use different data sources for each stage</a:t>
            </a:r>
          </a:p>
        </p:txBody>
      </p:sp>
      <p:grpSp>
        <p:nvGrpSpPr>
          <p:cNvPr id="1033" name="Gráfico 242">
            <a:extLst>
              <a:ext uri="{FF2B5EF4-FFF2-40B4-BE49-F238E27FC236}">
                <a16:creationId xmlns:a16="http://schemas.microsoft.com/office/drawing/2014/main" id="{5451FBDB-B910-73EC-4558-DCE95DD28FAE}"/>
              </a:ext>
            </a:extLst>
          </p:cNvPr>
          <p:cNvGrpSpPr/>
          <p:nvPr/>
        </p:nvGrpSpPr>
        <p:grpSpPr>
          <a:xfrm>
            <a:off x="3449949" y="4615392"/>
            <a:ext cx="570828" cy="570827"/>
            <a:chOff x="3999528" y="4280818"/>
            <a:chExt cx="570828" cy="570827"/>
          </a:xfrm>
          <a:solidFill>
            <a:schemeClr val="bg1">
              <a:lumMod val="50000"/>
            </a:schemeClr>
          </a:solidFill>
        </p:grpSpPr>
        <p:sp>
          <p:nvSpPr>
            <p:cNvPr id="1034" name="Forma libre 307">
              <a:extLst>
                <a:ext uri="{FF2B5EF4-FFF2-40B4-BE49-F238E27FC236}">
                  <a16:creationId xmlns:a16="http://schemas.microsoft.com/office/drawing/2014/main" id="{5DC9E17F-C099-3553-F571-C048C5630E25}"/>
                </a:ext>
              </a:extLst>
            </p:cNvPr>
            <p:cNvSpPr/>
            <p:nvPr/>
          </p:nvSpPr>
          <p:spPr>
            <a:xfrm>
              <a:off x="3999528" y="4280818"/>
              <a:ext cx="570828" cy="570827"/>
            </a:xfrm>
            <a:custGeom>
              <a:avLst/>
              <a:gdLst>
                <a:gd name="connsiteX0" fmla="*/ 567344 w 570828"/>
                <a:gd name="connsiteY0" fmla="*/ 533711 h 570827"/>
                <a:gd name="connsiteX1" fmla="*/ 37118 w 570828"/>
                <a:gd name="connsiteY1" fmla="*/ 3483 h 570827"/>
                <a:gd name="connsiteX2" fmla="*/ 20298 w 570828"/>
                <a:gd name="connsiteY2" fmla="*/ 3483 h 570827"/>
                <a:gd name="connsiteX3" fmla="*/ 3484 w 570828"/>
                <a:gd name="connsiteY3" fmla="*/ 20298 h 570827"/>
                <a:gd name="connsiteX4" fmla="*/ 3484 w 570828"/>
                <a:gd name="connsiteY4" fmla="*/ 37116 h 570827"/>
                <a:gd name="connsiteX5" fmla="*/ 101827 w 570828"/>
                <a:gd name="connsiteY5" fmla="*/ 135459 h 570827"/>
                <a:gd name="connsiteX6" fmla="*/ 568 w 570828"/>
                <a:gd name="connsiteY6" fmla="*/ 281780 h 570827"/>
                <a:gd name="connsiteX7" fmla="*/ 568 w 570828"/>
                <a:gd name="connsiteY7" fmla="*/ 289050 h 570827"/>
                <a:gd name="connsiteX8" fmla="*/ 285415 w 570828"/>
                <a:gd name="connsiteY8" fmla="*/ 499477 h 570827"/>
                <a:gd name="connsiteX9" fmla="*/ 428731 w 570828"/>
                <a:gd name="connsiteY9" fmla="*/ 462364 h 570827"/>
                <a:gd name="connsiteX10" fmla="*/ 533712 w 570828"/>
                <a:gd name="connsiteY10" fmla="*/ 567344 h 570827"/>
                <a:gd name="connsiteX11" fmla="*/ 550531 w 570828"/>
                <a:gd name="connsiteY11" fmla="*/ 567344 h 570827"/>
                <a:gd name="connsiteX12" fmla="*/ 567345 w 570828"/>
                <a:gd name="connsiteY12" fmla="*/ 550529 h 570827"/>
                <a:gd name="connsiteX13" fmla="*/ 567344 w 570828"/>
                <a:gd name="connsiteY13" fmla="*/ 533711 h 570827"/>
                <a:gd name="connsiteX14" fmla="*/ 285415 w 570828"/>
                <a:gd name="connsiteY14" fmla="*/ 451907 h 570827"/>
                <a:gd name="connsiteX15" fmla="*/ 118923 w 570828"/>
                <a:gd name="connsiteY15" fmla="*/ 285415 h 570827"/>
                <a:gd name="connsiteX16" fmla="*/ 152213 w 570828"/>
                <a:gd name="connsiteY16" fmla="*/ 185844 h 570827"/>
                <a:gd name="connsiteX17" fmla="*/ 203916 w 570828"/>
                <a:gd name="connsiteY17" fmla="*/ 237549 h 570827"/>
                <a:gd name="connsiteX18" fmla="*/ 190277 w 570828"/>
                <a:gd name="connsiteY18" fmla="*/ 285414 h 570827"/>
                <a:gd name="connsiteX19" fmla="*/ 285415 w 570828"/>
                <a:gd name="connsiteY19" fmla="*/ 380552 h 570827"/>
                <a:gd name="connsiteX20" fmla="*/ 333280 w 570828"/>
                <a:gd name="connsiteY20" fmla="*/ 366913 h 570827"/>
                <a:gd name="connsiteX21" fmla="*/ 384983 w 570828"/>
                <a:gd name="connsiteY21" fmla="*/ 418616 h 570827"/>
                <a:gd name="connsiteX22" fmla="*/ 285415 w 570828"/>
                <a:gd name="connsiteY22" fmla="*/ 451907 h 5708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570828" h="570827">
                  <a:moveTo>
                    <a:pt x="567344" y="533711"/>
                  </a:moveTo>
                  <a:lnTo>
                    <a:pt x="37118" y="3483"/>
                  </a:lnTo>
                  <a:cubicBezTo>
                    <a:pt x="32472" y="-1161"/>
                    <a:pt x="24944" y="-1161"/>
                    <a:pt x="20298" y="3483"/>
                  </a:cubicBezTo>
                  <a:lnTo>
                    <a:pt x="3484" y="20298"/>
                  </a:lnTo>
                  <a:cubicBezTo>
                    <a:pt x="-1161" y="24941"/>
                    <a:pt x="-1161" y="32471"/>
                    <a:pt x="3484" y="37116"/>
                  </a:cubicBezTo>
                  <a:lnTo>
                    <a:pt x="101827" y="135459"/>
                  </a:lnTo>
                  <a:cubicBezTo>
                    <a:pt x="54871" y="172617"/>
                    <a:pt x="19375" y="223272"/>
                    <a:pt x="568" y="281780"/>
                  </a:cubicBezTo>
                  <a:cubicBezTo>
                    <a:pt x="-187" y="284138"/>
                    <a:pt x="-187" y="286692"/>
                    <a:pt x="568" y="289050"/>
                  </a:cubicBezTo>
                  <a:cubicBezTo>
                    <a:pt x="41018" y="414918"/>
                    <a:pt x="155493" y="499477"/>
                    <a:pt x="285415" y="499477"/>
                  </a:cubicBezTo>
                  <a:cubicBezTo>
                    <a:pt x="336233" y="499477"/>
                    <a:pt x="385098" y="486601"/>
                    <a:pt x="428731" y="462364"/>
                  </a:cubicBezTo>
                  <a:lnTo>
                    <a:pt x="533712" y="567344"/>
                  </a:lnTo>
                  <a:cubicBezTo>
                    <a:pt x="538357" y="571988"/>
                    <a:pt x="545885" y="571988"/>
                    <a:pt x="550531" y="567344"/>
                  </a:cubicBezTo>
                  <a:lnTo>
                    <a:pt x="567345" y="550529"/>
                  </a:lnTo>
                  <a:cubicBezTo>
                    <a:pt x="571990" y="545886"/>
                    <a:pt x="571990" y="538356"/>
                    <a:pt x="567344" y="533711"/>
                  </a:cubicBezTo>
                  <a:close/>
                  <a:moveTo>
                    <a:pt x="285415" y="451907"/>
                  </a:moveTo>
                  <a:cubicBezTo>
                    <a:pt x="193609" y="451907"/>
                    <a:pt x="118923" y="377220"/>
                    <a:pt x="118923" y="285415"/>
                  </a:cubicBezTo>
                  <a:cubicBezTo>
                    <a:pt x="118923" y="249277"/>
                    <a:pt x="130806" y="214417"/>
                    <a:pt x="152213" y="185844"/>
                  </a:cubicBezTo>
                  <a:lnTo>
                    <a:pt x="203916" y="237549"/>
                  </a:lnTo>
                  <a:cubicBezTo>
                    <a:pt x="195358" y="251917"/>
                    <a:pt x="190277" y="268148"/>
                    <a:pt x="190277" y="285414"/>
                  </a:cubicBezTo>
                  <a:cubicBezTo>
                    <a:pt x="190277" y="337873"/>
                    <a:pt x="232956" y="380552"/>
                    <a:pt x="285415" y="380552"/>
                  </a:cubicBezTo>
                  <a:cubicBezTo>
                    <a:pt x="302681" y="380552"/>
                    <a:pt x="318913" y="375469"/>
                    <a:pt x="333280" y="366913"/>
                  </a:cubicBezTo>
                  <a:lnTo>
                    <a:pt x="384983" y="418616"/>
                  </a:lnTo>
                  <a:cubicBezTo>
                    <a:pt x="356411" y="440023"/>
                    <a:pt x="321553" y="451907"/>
                    <a:pt x="285415" y="451907"/>
                  </a:cubicBezTo>
                  <a:close/>
                </a:path>
              </a:pathLst>
            </a:custGeom>
            <a:grpFill/>
            <a:ln w="1098" cap="flat">
              <a:noFill/>
              <a:prstDash val="solid"/>
              <a:miter/>
            </a:ln>
          </p:spPr>
          <p:txBody>
            <a:bodyPr rtlCol="0" anchor="ctr"/>
            <a:lstStyle/>
            <a:p>
              <a:endParaRPr lang="es-MX"/>
            </a:p>
          </p:txBody>
        </p:sp>
        <p:sp>
          <p:nvSpPr>
            <p:cNvPr id="1036" name="Forma libre 308">
              <a:extLst>
                <a:ext uri="{FF2B5EF4-FFF2-40B4-BE49-F238E27FC236}">
                  <a16:creationId xmlns:a16="http://schemas.microsoft.com/office/drawing/2014/main" id="{5C01242F-8AAE-DDEF-4E45-BB6DEA927EA1}"/>
                </a:ext>
              </a:extLst>
            </p:cNvPr>
            <p:cNvSpPr/>
            <p:nvPr/>
          </p:nvSpPr>
          <p:spPr>
            <a:xfrm>
              <a:off x="4273981" y="4471187"/>
              <a:ext cx="106007" cy="106008"/>
            </a:xfrm>
            <a:custGeom>
              <a:avLst/>
              <a:gdLst>
                <a:gd name="connsiteX0" fmla="*/ 927 w 106007"/>
                <a:gd name="connsiteY0" fmla="*/ 7281 h 106008"/>
                <a:gd name="connsiteX1" fmla="*/ 3483 w 106007"/>
                <a:gd name="connsiteY1" fmla="*/ 20300 h 106008"/>
                <a:gd name="connsiteX2" fmla="*/ 85707 w 106007"/>
                <a:gd name="connsiteY2" fmla="*/ 102524 h 106008"/>
                <a:gd name="connsiteX3" fmla="*/ 94116 w 106007"/>
                <a:gd name="connsiteY3" fmla="*/ 106008 h 106008"/>
                <a:gd name="connsiteX4" fmla="*/ 98726 w 106007"/>
                <a:gd name="connsiteY4" fmla="*/ 105080 h 106008"/>
                <a:gd name="connsiteX5" fmla="*/ 106007 w 106007"/>
                <a:gd name="connsiteY5" fmla="*/ 93978 h 106008"/>
                <a:gd name="connsiteX6" fmla="*/ 12030 w 106007"/>
                <a:gd name="connsiteY6" fmla="*/ 0 h 106008"/>
                <a:gd name="connsiteX7" fmla="*/ 927 w 106007"/>
                <a:gd name="connsiteY7" fmla="*/ 7281 h 1060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6007" h="106008">
                  <a:moveTo>
                    <a:pt x="927" y="7281"/>
                  </a:moveTo>
                  <a:cubicBezTo>
                    <a:pt x="-942" y="11730"/>
                    <a:pt x="68" y="16886"/>
                    <a:pt x="3483" y="20300"/>
                  </a:cubicBezTo>
                  <a:lnTo>
                    <a:pt x="85707" y="102524"/>
                  </a:lnTo>
                  <a:cubicBezTo>
                    <a:pt x="87984" y="104801"/>
                    <a:pt x="91026" y="106008"/>
                    <a:pt x="94116" y="106008"/>
                  </a:cubicBezTo>
                  <a:cubicBezTo>
                    <a:pt x="95672" y="106008"/>
                    <a:pt x="97239" y="105706"/>
                    <a:pt x="98726" y="105080"/>
                  </a:cubicBezTo>
                  <a:cubicBezTo>
                    <a:pt x="103185" y="103198"/>
                    <a:pt x="106065" y="98820"/>
                    <a:pt x="106007" y="93978"/>
                  </a:cubicBezTo>
                  <a:cubicBezTo>
                    <a:pt x="105415" y="41867"/>
                    <a:pt x="64140" y="593"/>
                    <a:pt x="12030" y="0"/>
                  </a:cubicBezTo>
                  <a:cubicBezTo>
                    <a:pt x="7291" y="511"/>
                    <a:pt x="2808" y="2822"/>
                    <a:pt x="927" y="7281"/>
                  </a:cubicBezTo>
                  <a:close/>
                </a:path>
              </a:pathLst>
            </a:custGeom>
            <a:grpFill/>
            <a:ln w="1098" cap="flat">
              <a:noFill/>
              <a:prstDash val="solid"/>
              <a:miter/>
            </a:ln>
          </p:spPr>
          <p:txBody>
            <a:bodyPr rtlCol="0" anchor="ctr"/>
            <a:lstStyle/>
            <a:p>
              <a:endParaRPr lang="es-MX"/>
            </a:p>
          </p:txBody>
        </p:sp>
        <p:sp>
          <p:nvSpPr>
            <p:cNvPr id="1037" name="Forma libre 309">
              <a:extLst>
                <a:ext uri="{FF2B5EF4-FFF2-40B4-BE49-F238E27FC236}">
                  <a16:creationId xmlns:a16="http://schemas.microsoft.com/office/drawing/2014/main" id="{D9CCC34C-D04D-EADD-05D0-40853F582603}"/>
                </a:ext>
              </a:extLst>
            </p:cNvPr>
            <p:cNvSpPr/>
            <p:nvPr/>
          </p:nvSpPr>
          <p:spPr>
            <a:xfrm>
              <a:off x="4173065" y="4352170"/>
              <a:ext cx="397291" cy="343925"/>
            </a:xfrm>
            <a:custGeom>
              <a:avLst/>
              <a:gdLst>
                <a:gd name="connsiteX0" fmla="*/ 26715 w 397291"/>
                <a:gd name="connsiteY0" fmla="*/ 61634 h 343925"/>
                <a:gd name="connsiteX1" fmla="*/ 40257 w 397291"/>
                <a:gd name="connsiteY1" fmla="*/ 63956 h 343925"/>
                <a:gd name="connsiteX2" fmla="*/ 111878 w 397291"/>
                <a:gd name="connsiteY2" fmla="*/ 47570 h 343925"/>
                <a:gd name="connsiteX3" fmla="*/ 278370 w 397291"/>
                <a:gd name="connsiteY3" fmla="*/ 214062 h 343925"/>
                <a:gd name="connsiteX4" fmla="*/ 261983 w 397291"/>
                <a:gd name="connsiteY4" fmla="*/ 285683 h 343925"/>
                <a:gd name="connsiteX5" fmla="*/ 264306 w 397291"/>
                <a:gd name="connsiteY5" fmla="*/ 299225 h 343925"/>
                <a:gd name="connsiteX6" fmla="*/ 305522 w 397291"/>
                <a:gd name="connsiteY6" fmla="*/ 340442 h 343925"/>
                <a:gd name="connsiteX7" fmla="*/ 313931 w 397291"/>
                <a:gd name="connsiteY7" fmla="*/ 343926 h 343925"/>
                <a:gd name="connsiteX8" fmla="*/ 313954 w 397291"/>
                <a:gd name="connsiteY8" fmla="*/ 343926 h 343925"/>
                <a:gd name="connsiteX9" fmla="*/ 322387 w 397291"/>
                <a:gd name="connsiteY9" fmla="*/ 340407 h 343925"/>
                <a:gd name="connsiteX10" fmla="*/ 396725 w 397291"/>
                <a:gd name="connsiteY10" fmla="*/ 217697 h 343925"/>
                <a:gd name="connsiteX11" fmla="*/ 396725 w 397291"/>
                <a:gd name="connsiteY11" fmla="*/ 210427 h 343925"/>
                <a:gd name="connsiteX12" fmla="*/ 111878 w 397291"/>
                <a:gd name="connsiteY12" fmla="*/ 0 h 343925"/>
                <a:gd name="connsiteX13" fmla="*/ 7727 w 397291"/>
                <a:gd name="connsiteY13" fmla="*/ 18861 h 343925"/>
                <a:gd name="connsiteX14" fmla="*/ 271 w 397291"/>
                <a:gd name="connsiteY14" fmla="*/ 27478 h 343925"/>
                <a:gd name="connsiteX15" fmla="*/ 3487 w 397291"/>
                <a:gd name="connsiteY15" fmla="*/ 38406 h 343925"/>
                <a:gd name="connsiteX16" fmla="*/ 26715 w 397291"/>
                <a:gd name="connsiteY16" fmla="*/ 61634 h 3439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97291" h="343925">
                  <a:moveTo>
                    <a:pt x="26715" y="61634"/>
                  </a:moveTo>
                  <a:cubicBezTo>
                    <a:pt x="30280" y="65211"/>
                    <a:pt x="35727" y="66117"/>
                    <a:pt x="40257" y="63956"/>
                  </a:cubicBezTo>
                  <a:cubicBezTo>
                    <a:pt x="62973" y="53086"/>
                    <a:pt x="87071" y="47570"/>
                    <a:pt x="111878" y="47570"/>
                  </a:cubicBezTo>
                  <a:cubicBezTo>
                    <a:pt x="203684" y="47570"/>
                    <a:pt x="278370" y="122257"/>
                    <a:pt x="278370" y="214062"/>
                  </a:cubicBezTo>
                  <a:cubicBezTo>
                    <a:pt x="278370" y="238868"/>
                    <a:pt x="272854" y="262967"/>
                    <a:pt x="261983" y="285683"/>
                  </a:cubicBezTo>
                  <a:cubicBezTo>
                    <a:pt x="259811" y="290235"/>
                    <a:pt x="260740" y="295659"/>
                    <a:pt x="264306" y="299225"/>
                  </a:cubicBezTo>
                  <a:lnTo>
                    <a:pt x="305522" y="340442"/>
                  </a:lnTo>
                  <a:cubicBezTo>
                    <a:pt x="307752" y="342671"/>
                    <a:pt x="310771" y="343926"/>
                    <a:pt x="313931" y="343926"/>
                  </a:cubicBezTo>
                  <a:cubicBezTo>
                    <a:pt x="313942" y="343926"/>
                    <a:pt x="313954" y="343926"/>
                    <a:pt x="313954" y="343926"/>
                  </a:cubicBezTo>
                  <a:cubicBezTo>
                    <a:pt x="317125" y="343915"/>
                    <a:pt x="320157" y="342648"/>
                    <a:pt x="322387" y="340407"/>
                  </a:cubicBezTo>
                  <a:cubicBezTo>
                    <a:pt x="356183" y="306274"/>
                    <a:pt x="381895" y="263839"/>
                    <a:pt x="396725" y="217697"/>
                  </a:cubicBezTo>
                  <a:cubicBezTo>
                    <a:pt x="397480" y="215339"/>
                    <a:pt x="397480" y="212785"/>
                    <a:pt x="396725" y="210427"/>
                  </a:cubicBezTo>
                  <a:cubicBezTo>
                    <a:pt x="356275" y="84559"/>
                    <a:pt x="241800" y="0"/>
                    <a:pt x="111878" y="0"/>
                  </a:cubicBezTo>
                  <a:cubicBezTo>
                    <a:pt x="76225" y="0"/>
                    <a:pt x="41186" y="6340"/>
                    <a:pt x="7727" y="18861"/>
                  </a:cubicBezTo>
                  <a:cubicBezTo>
                    <a:pt x="3941" y="20278"/>
                    <a:pt x="1130" y="23518"/>
                    <a:pt x="271" y="27478"/>
                  </a:cubicBezTo>
                  <a:cubicBezTo>
                    <a:pt x="-589" y="31427"/>
                    <a:pt x="631" y="35550"/>
                    <a:pt x="3487" y="38406"/>
                  </a:cubicBezTo>
                  <a:lnTo>
                    <a:pt x="26715" y="61634"/>
                  </a:lnTo>
                  <a:close/>
                </a:path>
              </a:pathLst>
            </a:custGeom>
            <a:grpFill/>
            <a:ln w="1098" cap="flat">
              <a:noFill/>
              <a:prstDash val="solid"/>
              <a:miter/>
            </a:ln>
          </p:spPr>
          <p:txBody>
            <a:bodyPr rtlCol="0" anchor="ctr"/>
            <a:lstStyle/>
            <a:p>
              <a:endParaRPr lang="es-MX"/>
            </a:p>
          </p:txBody>
        </p:sp>
      </p:grpSp>
      <p:grpSp>
        <p:nvGrpSpPr>
          <p:cNvPr id="1038" name="Gráfico 68">
            <a:extLst>
              <a:ext uri="{FF2B5EF4-FFF2-40B4-BE49-F238E27FC236}">
                <a16:creationId xmlns:a16="http://schemas.microsoft.com/office/drawing/2014/main" id="{F045E06C-F25E-812D-AC8D-769A181A901A}"/>
              </a:ext>
            </a:extLst>
          </p:cNvPr>
          <p:cNvGrpSpPr/>
          <p:nvPr/>
        </p:nvGrpSpPr>
        <p:grpSpPr>
          <a:xfrm>
            <a:off x="4226021" y="2846346"/>
            <a:ext cx="570831" cy="570831"/>
            <a:chOff x="8599238" y="1565328"/>
            <a:chExt cx="570831" cy="570831"/>
          </a:xfrm>
          <a:solidFill>
            <a:schemeClr val="bg1">
              <a:lumMod val="50000"/>
            </a:schemeClr>
          </a:solidFill>
        </p:grpSpPr>
        <p:sp>
          <p:nvSpPr>
            <p:cNvPr id="1039" name="Forma libre 157">
              <a:extLst>
                <a:ext uri="{FF2B5EF4-FFF2-40B4-BE49-F238E27FC236}">
                  <a16:creationId xmlns:a16="http://schemas.microsoft.com/office/drawing/2014/main" id="{9230EB76-6482-C0E7-127C-0B88CE449825}"/>
                </a:ext>
              </a:extLst>
            </p:cNvPr>
            <p:cNvSpPr/>
            <p:nvPr/>
          </p:nvSpPr>
          <p:spPr>
            <a:xfrm>
              <a:off x="8600574" y="2030313"/>
              <a:ext cx="571381" cy="81626"/>
            </a:xfrm>
            <a:custGeom>
              <a:avLst/>
              <a:gdLst>
                <a:gd name="connsiteX0" fmla="*/ 1 w 571381"/>
                <a:gd name="connsiteY0" fmla="*/ 12 h 81626"/>
                <a:gd name="connsiteX1" fmla="*/ 571383 w 571381"/>
                <a:gd name="connsiteY1" fmla="*/ 12 h 81626"/>
                <a:gd name="connsiteX2" fmla="*/ 571383 w 571381"/>
                <a:gd name="connsiteY2" fmla="*/ 81638 h 81626"/>
                <a:gd name="connsiteX3" fmla="*/ 1 w 571381"/>
                <a:gd name="connsiteY3" fmla="*/ 81638 h 81626"/>
              </a:gdLst>
              <a:ahLst/>
              <a:cxnLst>
                <a:cxn ang="0">
                  <a:pos x="connsiteX0" y="connsiteY0"/>
                </a:cxn>
                <a:cxn ang="0">
                  <a:pos x="connsiteX1" y="connsiteY1"/>
                </a:cxn>
                <a:cxn ang="0">
                  <a:pos x="connsiteX2" y="connsiteY2"/>
                </a:cxn>
                <a:cxn ang="0">
                  <a:pos x="connsiteX3" y="connsiteY3"/>
                </a:cxn>
              </a:cxnLst>
              <a:rect l="l" t="t" r="r" b="b"/>
              <a:pathLst>
                <a:path w="571381" h="81626">
                  <a:moveTo>
                    <a:pt x="1" y="12"/>
                  </a:moveTo>
                  <a:lnTo>
                    <a:pt x="571383" y="12"/>
                  </a:lnTo>
                  <a:lnTo>
                    <a:pt x="571383" y="81638"/>
                  </a:lnTo>
                  <a:lnTo>
                    <a:pt x="1" y="81638"/>
                  </a:lnTo>
                  <a:close/>
                </a:path>
              </a:pathLst>
            </a:custGeom>
            <a:grpFill/>
            <a:ln w="1316" cap="flat">
              <a:noFill/>
              <a:prstDash val="solid"/>
              <a:miter/>
            </a:ln>
          </p:spPr>
          <p:txBody>
            <a:bodyPr rtlCol="0" anchor="ctr"/>
            <a:lstStyle/>
            <a:p>
              <a:endParaRPr lang="es-MX"/>
            </a:p>
          </p:txBody>
        </p:sp>
        <p:sp>
          <p:nvSpPr>
            <p:cNvPr id="1040" name="Forma libre 158">
              <a:extLst>
                <a:ext uri="{FF2B5EF4-FFF2-40B4-BE49-F238E27FC236}">
                  <a16:creationId xmlns:a16="http://schemas.microsoft.com/office/drawing/2014/main" id="{41A0CC12-D0B5-BDD0-C917-9117EF8C63F8}"/>
                </a:ext>
              </a:extLst>
            </p:cNvPr>
            <p:cNvSpPr/>
            <p:nvPr/>
          </p:nvSpPr>
          <p:spPr>
            <a:xfrm>
              <a:off x="8600574" y="1608814"/>
              <a:ext cx="571381" cy="81626"/>
            </a:xfrm>
            <a:custGeom>
              <a:avLst/>
              <a:gdLst>
                <a:gd name="connsiteX0" fmla="*/ 1 w 571381"/>
                <a:gd name="connsiteY0" fmla="*/ 2 h 81626"/>
                <a:gd name="connsiteX1" fmla="*/ 571383 w 571381"/>
                <a:gd name="connsiteY1" fmla="*/ 2 h 81626"/>
                <a:gd name="connsiteX2" fmla="*/ 571383 w 571381"/>
                <a:gd name="connsiteY2" fmla="*/ 81628 h 81626"/>
                <a:gd name="connsiteX3" fmla="*/ 1 w 571381"/>
                <a:gd name="connsiteY3" fmla="*/ 81628 h 81626"/>
              </a:gdLst>
              <a:ahLst/>
              <a:cxnLst>
                <a:cxn ang="0">
                  <a:pos x="connsiteX0" y="connsiteY0"/>
                </a:cxn>
                <a:cxn ang="0">
                  <a:pos x="connsiteX1" y="connsiteY1"/>
                </a:cxn>
                <a:cxn ang="0">
                  <a:pos x="connsiteX2" y="connsiteY2"/>
                </a:cxn>
                <a:cxn ang="0">
                  <a:pos x="connsiteX3" y="connsiteY3"/>
                </a:cxn>
              </a:cxnLst>
              <a:rect l="l" t="t" r="r" b="b"/>
              <a:pathLst>
                <a:path w="571381" h="81626">
                  <a:moveTo>
                    <a:pt x="1" y="2"/>
                  </a:moveTo>
                  <a:lnTo>
                    <a:pt x="571383" y="2"/>
                  </a:lnTo>
                  <a:lnTo>
                    <a:pt x="571383" y="81628"/>
                  </a:lnTo>
                  <a:lnTo>
                    <a:pt x="1" y="81628"/>
                  </a:lnTo>
                  <a:close/>
                </a:path>
              </a:pathLst>
            </a:custGeom>
            <a:grpFill/>
            <a:ln w="1316" cap="flat">
              <a:noFill/>
              <a:prstDash val="solid"/>
              <a:miter/>
            </a:ln>
          </p:spPr>
          <p:txBody>
            <a:bodyPr rtlCol="0" anchor="ctr"/>
            <a:lstStyle/>
            <a:p>
              <a:endParaRPr lang="es-MX"/>
            </a:p>
          </p:txBody>
        </p:sp>
        <p:sp>
          <p:nvSpPr>
            <p:cNvPr id="1041" name="Forma libre 159">
              <a:extLst>
                <a:ext uri="{FF2B5EF4-FFF2-40B4-BE49-F238E27FC236}">
                  <a16:creationId xmlns:a16="http://schemas.microsoft.com/office/drawing/2014/main" id="{4321486A-410D-53E3-3947-365522F342D4}"/>
                </a:ext>
              </a:extLst>
            </p:cNvPr>
            <p:cNvSpPr/>
            <p:nvPr/>
          </p:nvSpPr>
          <p:spPr>
            <a:xfrm>
              <a:off x="8640050" y="1728580"/>
              <a:ext cx="489755" cy="244877"/>
            </a:xfrm>
            <a:custGeom>
              <a:avLst/>
              <a:gdLst>
                <a:gd name="connsiteX0" fmla="*/ 0 w 489755"/>
                <a:gd name="connsiteY0" fmla="*/ 0 h 244877"/>
                <a:gd name="connsiteX1" fmla="*/ 489756 w 489755"/>
                <a:gd name="connsiteY1" fmla="*/ 0 h 244877"/>
                <a:gd name="connsiteX2" fmla="*/ 489756 w 489755"/>
                <a:gd name="connsiteY2" fmla="*/ 244877 h 244877"/>
                <a:gd name="connsiteX3" fmla="*/ 0 w 489755"/>
                <a:gd name="connsiteY3" fmla="*/ 244877 h 244877"/>
              </a:gdLst>
              <a:ahLst/>
              <a:cxnLst>
                <a:cxn ang="0">
                  <a:pos x="connsiteX0" y="connsiteY0"/>
                </a:cxn>
                <a:cxn ang="0">
                  <a:pos x="connsiteX1" y="connsiteY1"/>
                </a:cxn>
                <a:cxn ang="0">
                  <a:pos x="connsiteX2" y="connsiteY2"/>
                </a:cxn>
                <a:cxn ang="0">
                  <a:pos x="connsiteX3" y="connsiteY3"/>
                </a:cxn>
              </a:cxnLst>
              <a:rect l="l" t="t" r="r" b="b"/>
              <a:pathLst>
                <a:path w="489755" h="244877">
                  <a:moveTo>
                    <a:pt x="0" y="0"/>
                  </a:moveTo>
                  <a:lnTo>
                    <a:pt x="489756" y="0"/>
                  </a:lnTo>
                  <a:lnTo>
                    <a:pt x="489756" y="244877"/>
                  </a:lnTo>
                  <a:lnTo>
                    <a:pt x="0" y="244877"/>
                  </a:lnTo>
                  <a:close/>
                </a:path>
              </a:pathLst>
            </a:custGeom>
            <a:grpFill/>
            <a:ln w="1316" cap="flat">
              <a:noFill/>
              <a:prstDash val="solid"/>
              <a:miter/>
            </a:ln>
          </p:spPr>
          <p:txBody>
            <a:bodyPr rtlCol="0" anchor="ctr"/>
            <a:lstStyle/>
            <a:p>
              <a:endParaRPr lang="es-MX"/>
            </a:p>
          </p:txBody>
        </p:sp>
      </p:grpSp>
      <p:grpSp>
        <p:nvGrpSpPr>
          <p:cNvPr id="1042" name="Gráfico 245">
            <a:extLst>
              <a:ext uri="{FF2B5EF4-FFF2-40B4-BE49-F238E27FC236}">
                <a16:creationId xmlns:a16="http://schemas.microsoft.com/office/drawing/2014/main" id="{1026E286-DFC6-4F0E-5EF2-B313A4AD1EF0}"/>
              </a:ext>
            </a:extLst>
          </p:cNvPr>
          <p:cNvGrpSpPr/>
          <p:nvPr/>
        </p:nvGrpSpPr>
        <p:grpSpPr>
          <a:xfrm>
            <a:off x="5889310" y="2021783"/>
            <a:ext cx="746226" cy="733013"/>
            <a:chOff x="9790237" y="2867934"/>
            <a:chExt cx="597977" cy="597977"/>
          </a:xfrm>
          <a:solidFill>
            <a:schemeClr val="bg1">
              <a:lumMod val="50000"/>
            </a:schemeClr>
          </a:solidFill>
        </p:grpSpPr>
        <p:sp>
          <p:nvSpPr>
            <p:cNvPr id="1043" name="Forma libre 378">
              <a:extLst>
                <a:ext uri="{FF2B5EF4-FFF2-40B4-BE49-F238E27FC236}">
                  <a16:creationId xmlns:a16="http://schemas.microsoft.com/office/drawing/2014/main" id="{7AE125BC-D378-20E5-D87A-F59B9F03A4BD}"/>
                </a:ext>
              </a:extLst>
            </p:cNvPr>
            <p:cNvSpPr/>
            <p:nvPr/>
          </p:nvSpPr>
          <p:spPr>
            <a:xfrm>
              <a:off x="9789361" y="2966720"/>
              <a:ext cx="599145" cy="399430"/>
            </a:xfrm>
            <a:custGeom>
              <a:avLst/>
              <a:gdLst>
                <a:gd name="connsiteX0" fmla="*/ 593537 w 599144"/>
                <a:gd name="connsiteY0" fmla="*/ 28043 h 399429"/>
                <a:gd name="connsiteX1" fmla="*/ 582138 w 599144"/>
                <a:gd name="connsiteY1" fmla="*/ 26547 h 399429"/>
                <a:gd name="connsiteX2" fmla="*/ 480577 w 599144"/>
                <a:gd name="connsiteY2" fmla="*/ 63483 h 399429"/>
                <a:gd name="connsiteX3" fmla="*/ 452352 w 599144"/>
                <a:gd name="connsiteY3" fmla="*/ 89445 h 399429"/>
                <a:gd name="connsiteX4" fmla="*/ 449919 w 599144"/>
                <a:gd name="connsiteY4" fmla="*/ 96462 h 399429"/>
                <a:gd name="connsiteX5" fmla="*/ 367861 w 599144"/>
                <a:gd name="connsiteY5" fmla="*/ 64554 h 399429"/>
                <a:gd name="connsiteX6" fmla="*/ 250836 w 599144"/>
                <a:gd name="connsiteY6" fmla="*/ 76168 h 399429"/>
                <a:gd name="connsiteX7" fmla="*/ 189789 w 599144"/>
                <a:gd name="connsiteY7" fmla="*/ 80345 h 399429"/>
                <a:gd name="connsiteX8" fmla="*/ 151921 w 599144"/>
                <a:gd name="connsiteY8" fmla="*/ 83365 h 399429"/>
                <a:gd name="connsiteX9" fmla="*/ 147379 w 599144"/>
                <a:gd name="connsiteY9" fmla="*/ 64531 h 399429"/>
                <a:gd name="connsiteX10" fmla="*/ 119154 w 599144"/>
                <a:gd name="connsiteY10" fmla="*/ 38569 h 399429"/>
                <a:gd name="connsiteX11" fmla="*/ 17592 w 599144"/>
                <a:gd name="connsiteY11" fmla="*/ 1631 h 399429"/>
                <a:gd name="connsiteX12" fmla="*/ 6194 w 599144"/>
                <a:gd name="connsiteY12" fmla="*/ 3127 h 399429"/>
                <a:gd name="connsiteX13" fmla="*/ 876 w 599144"/>
                <a:gd name="connsiteY13" fmla="*/ 13335 h 399429"/>
                <a:gd name="connsiteX14" fmla="*/ 876 w 599144"/>
                <a:gd name="connsiteY14" fmla="*/ 262491 h 399429"/>
                <a:gd name="connsiteX15" fmla="*/ 13334 w 599144"/>
                <a:gd name="connsiteY15" fmla="*/ 274950 h 399429"/>
                <a:gd name="connsiteX16" fmla="*/ 49722 w 599144"/>
                <a:gd name="connsiteY16" fmla="*/ 274950 h 399429"/>
                <a:gd name="connsiteX17" fmla="*/ 88904 w 599144"/>
                <a:gd name="connsiteY17" fmla="*/ 255863 h 399429"/>
                <a:gd name="connsiteX18" fmla="*/ 105892 w 599144"/>
                <a:gd name="connsiteY18" fmla="*/ 268672 h 399429"/>
                <a:gd name="connsiteX19" fmla="*/ 143326 w 599144"/>
                <a:gd name="connsiteY19" fmla="*/ 297396 h 399429"/>
                <a:gd name="connsiteX20" fmla="*/ 256591 w 599144"/>
                <a:gd name="connsiteY20" fmla="*/ 385464 h 399429"/>
                <a:gd name="connsiteX21" fmla="*/ 299864 w 599144"/>
                <a:gd name="connsiteY21" fmla="*/ 399529 h 399429"/>
                <a:gd name="connsiteX22" fmla="*/ 329258 w 599144"/>
                <a:gd name="connsiteY22" fmla="*/ 391219 h 399429"/>
                <a:gd name="connsiteX23" fmla="*/ 360475 w 599144"/>
                <a:gd name="connsiteY23" fmla="*/ 390525 h 399429"/>
                <a:gd name="connsiteX24" fmla="*/ 383578 w 599144"/>
                <a:gd name="connsiteY24" fmla="*/ 367409 h 399429"/>
                <a:gd name="connsiteX25" fmla="*/ 414625 w 599144"/>
                <a:gd name="connsiteY25" fmla="*/ 362859 h 399429"/>
                <a:gd name="connsiteX26" fmla="*/ 434868 w 599144"/>
                <a:gd name="connsiteY26" fmla="*/ 342481 h 399429"/>
                <a:gd name="connsiteX27" fmla="*/ 462083 w 599144"/>
                <a:gd name="connsiteY27" fmla="*/ 333794 h 399429"/>
                <a:gd name="connsiteX28" fmla="*/ 478407 w 599144"/>
                <a:gd name="connsiteY28" fmla="*/ 296842 h 399429"/>
                <a:gd name="connsiteX29" fmla="*/ 510008 w 599144"/>
                <a:gd name="connsiteY29" fmla="*/ 279360 h 399429"/>
                <a:gd name="connsiteX30" fmla="*/ 550006 w 599144"/>
                <a:gd name="connsiteY30" fmla="*/ 299864 h 399429"/>
                <a:gd name="connsiteX31" fmla="*/ 586394 w 599144"/>
                <a:gd name="connsiteY31" fmla="*/ 299864 h 399429"/>
                <a:gd name="connsiteX32" fmla="*/ 598852 w 599144"/>
                <a:gd name="connsiteY32" fmla="*/ 287406 h 399429"/>
                <a:gd name="connsiteX33" fmla="*/ 598852 w 599144"/>
                <a:gd name="connsiteY33" fmla="*/ 38251 h 399429"/>
                <a:gd name="connsiteX34" fmla="*/ 593537 w 599144"/>
                <a:gd name="connsiteY34" fmla="*/ 28043 h 399429"/>
                <a:gd name="connsiteX35" fmla="*/ 446962 w 599144"/>
                <a:gd name="connsiteY35" fmla="*/ 314003 h 399429"/>
                <a:gd name="connsiteX36" fmla="*/ 434200 w 599144"/>
                <a:gd name="connsiteY36" fmla="*/ 316412 h 399429"/>
                <a:gd name="connsiteX37" fmla="*/ 433720 w 599144"/>
                <a:gd name="connsiteY37" fmla="*/ 316162 h 399429"/>
                <a:gd name="connsiteX38" fmla="*/ 433106 w 599144"/>
                <a:gd name="connsiteY38" fmla="*/ 315438 h 399429"/>
                <a:gd name="connsiteX39" fmla="*/ 359636 w 599144"/>
                <a:gd name="connsiteY39" fmla="*/ 241859 h 399429"/>
                <a:gd name="connsiteX40" fmla="*/ 342032 w 599144"/>
                <a:gd name="connsiteY40" fmla="*/ 241482 h 399429"/>
                <a:gd name="connsiteX41" fmla="*/ 341655 w 599144"/>
                <a:gd name="connsiteY41" fmla="*/ 259086 h 399429"/>
                <a:gd name="connsiteX42" fmla="*/ 412505 w 599144"/>
                <a:gd name="connsiteY42" fmla="*/ 330445 h 399429"/>
                <a:gd name="connsiteX43" fmla="*/ 403470 w 599144"/>
                <a:gd name="connsiteY43" fmla="*/ 340585 h 399429"/>
                <a:gd name="connsiteX44" fmla="*/ 384053 w 599144"/>
                <a:gd name="connsiteY44" fmla="*/ 341023 h 399429"/>
                <a:gd name="connsiteX45" fmla="*/ 383727 w 599144"/>
                <a:gd name="connsiteY45" fmla="*/ 340857 h 399429"/>
                <a:gd name="connsiteX46" fmla="*/ 383346 w 599144"/>
                <a:gd name="connsiteY46" fmla="*/ 340402 h 399429"/>
                <a:gd name="connsiteX47" fmla="*/ 322444 w 599144"/>
                <a:gd name="connsiteY47" fmla="*/ 279415 h 399429"/>
                <a:gd name="connsiteX48" fmla="*/ 304840 w 599144"/>
                <a:gd name="connsiteY48" fmla="*/ 278673 h 399429"/>
                <a:gd name="connsiteX49" fmla="*/ 304098 w 599144"/>
                <a:gd name="connsiteY49" fmla="*/ 296277 h 399429"/>
                <a:gd name="connsiteX50" fmla="*/ 361872 w 599144"/>
                <a:gd name="connsiteY50" fmla="*/ 354749 h 399429"/>
                <a:gd name="connsiteX51" fmla="*/ 350413 w 599144"/>
                <a:gd name="connsiteY51" fmla="*/ 367739 h 399429"/>
                <a:gd name="connsiteX52" fmla="*/ 333394 w 599144"/>
                <a:gd name="connsiteY52" fmla="*/ 365202 h 399429"/>
                <a:gd name="connsiteX53" fmla="*/ 272540 w 599144"/>
                <a:gd name="connsiteY53" fmla="*/ 304257 h 399429"/>
                <a:gd name="connsiteX54" fmla="*/ 254936 w 599144"/>
                <a:gd name="connsiteY54" fmla="*/ 303662 h 399429"/>
                <a:gd name="connsiteX55" fmla="*/ 254340 w 599144"/>
                <a:gd name="connsiteY55" fmla="*/ 321266 h 399429"/>
                <a:gd name="connsiteX56" fmla="*/ 306267 w 599144"/>
                <a:gd name="connsiteY56" fmla="*/ 374211 h 399429"/>
                <a:gd name="connsiteX57" fmla="*/ 299864 w 599144"/>
                <a:gd name="connsiteY57" fmla="*/ 374613 h 399429"/>
                <a:gd name="connsiteX58" fmla="*/ 270277 w 599144"/>
                <a:gd name="connsiteY58" fmla="*/ 364637 h 399429"/>
                <a:gd name="connsiteX59" fmla="*/ 159336 w 599144"/>
                <a:gd name="connsiteY59" fmla="*/ 278307 h 399429"/>
                <a:gd name="connsiteX60" fmla="*/ 120856 w 599144"/>
                <a:gd name="connsiteY60" fmla="*/ 248757 h 399429"/>
                <a:gd name="connsiteX61" fmla="*/ 100000 w 599144"/>
                <a:gd name="connsiteY61" fmla="*/ 232995 h 399429"/>
                <a:gd name="connsiteX62" fmla="*/ 146645 w 599144"/>
                <a:gd name="connsiteY62" fmla="*/ 108593 h 399429"/>
                <a:gd name="connsiteX63" fmla="*/ 191977 w 599144"/>
                <a:gd name="connsiteY63" fmla="*/ 105161 h 399429"/>
                <a:gd name="connsiteX64" fmla="*/ 220553 w 599144"/>
                <a:gd name="connsiteY64" fmla="*/ 102760 h 399429"/>
                <a:gd name="connsiteX65" fmla="*/ 188011 w 599144"/>
                <a:gd name="connsiteY65" fmla="*/ 167949 h 399429"/>
                <a:gd name="connsiteX66" fmla="*/ 205664 w 599144"/>
                <a:gd name="connsiteY66" fmla="*/ 194800 h 399429"/>
                <a:gd name="connsiteX67" fmla="*/ 227053 w 599144"/>
                <a:gd name="connsiteY67" fmla="*/ 200298 h 399429"/>
                <a:gd name="connsiteX68" fmla="*/ 281860 w 599144"/>
                <a:gd name="connsiteY68" fmla="*/ 174530 h 399429"/>
                <a:gd name="connsiteX69" fmla="*/ 310121 w 599144"/>
                <a:gd name="connsiteY69" fmla="*/ 165564 h 399429"/>
                <a:gd name="connsiteX70" fmla="*/ 364856 w 599144"/>
                <a:gd name="connsiteY70" fmla="*/ 212366 h 399429"/>
                <a:gd name="connsiteX71" fmla="*/ 451952 w 599144"/>
                <a:gd name="connsiteY71" fmla="*/ 294036 h 399429"/>
                <a:gd name="connsiteX72" fmla="*/ 446962 w 599144"/>
                <a:gd name="connsiteY72" fmla="*/ 314003 h 3994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599144" h="399429">
                  <a:moveTo>
                    <a:pt x="593537" y="28043"/>
                  </a:moveTo>
                  <a:cubicBezTo>
                    <a:pt x="590215" y="25708"/>
                    <a:pt x="585957" y="25135"/>
                    <a:pt x="582138" y="26547"/>
                  </a:cubicBezTo>
                  <a:lnTo>
                    <a:pt x="480577" y="63483"/>
                  </a:lnTo>
                  <a:cubicBezTo>
                    <a:pt x="467986" y="68058"/>
                    <a:pt x="457960" y="77280"/>
                    <a:pt x="452352" y="89445"/>
                  </a:cubicBezTo>
                  <a:cubicBezTo>
                    <a:pt x="451301" y="91726"/>
                    <a:pt x="450611" y="94095"/>
                    <a:pt x="449919" y="96462"/>
                  </a:cubicBezTo>
                  <a:cubicBezTo>
                    <a:pt x="432480" y="91504"/>
                    <a:pt x="400070" y="81149"/>
                    <a:pt x="367861" y="64554"/>
                  </a:cubicBezTo>
                  <a:cubicBezTo>
                    <a:pt x="326304" y="43135"/>
                    <a:pt x="291130" y="45872"/>
                    <a:pt x="250836" y="76168"/>
                  </a:cubicBezTo>
                  <a:cubicBezTo>
                    <a:pt x="234636" y="76440"/>
                    <a:pt x="211999" y="78388"/>
                    <a:pt x="189789" y="80345"/>
                  </a:cubicBezTo>
                  <a:cubicBezTo>
                    <a:pt x="175823" y="81578"/>
                    <a:pt x="162624" y="82712"/>
                    <a:pt x="151921" y="83365"/>
                  </a:cubicBezTo>
                  <a:cubicBezTo>
                    <a:pt x="151658" y="76936"/>
                    <a:pt x="150154" y="70557"/>
                    <a:pt x="147379" y="64531"/>
                  </a:cubicBezTo>
                  <a:cubicBezTo>
                    <a:pt x="141771" y="52364"/>
                    <a:pt x="131746" y="43142"/>
                    <a:pt x="119154" y="38569"/>
                  </a:cubicBezTo>
                  <a:lnTo>
                    <a:pt x="17592" y="1631"/>
                  </a:lnTo>
                  <a:cubicBezTo>
                    <a:pt x="13785" y="232"/>
                    <a:pt x="9502" y="804"/>
                    <a:pt x="6194" y="3127"/>
                  </a:cubicBezTo>
                  <a:cubicBezTo>
                    <a:pt x="2859" y="5464"/>
                    <a:pt x="876" y="9271"/>
                    <a:pt x="876" y="13335"/>
                  </a:cubicBezTo>
                  <a:lnTo>
                    <a:pt x="876" y="262491"/>
                  </a:lnTo>
                  <a:cubicBezTo>
                    <a:pt x="876" y="269377"/>
                    <a:pt x="6448" y="274950"/>
                    <a:pt x="13334" y="274950"/>
                  </a:cubicBezTo>
                  <a:lnTo>
                    <a:pt x="49722" y="274950"/>
                  </a:lnTo>
                  <a:cubicBezTo>
                    <a:pt x="65198" y="274950"/>
                    <a:pt x="79596" y="267650"/>
                    <a:pt x="88904" y="255863"/>
                  </a:cubicBezTo>
                  <a:cubicBezTo>
                    <a:pt x="93861" y="259633"/>
                    <a:pt x="99734" y="264048"/>
                    <a:pt x="105892" y="268672"/>
                  </a:cubicBezTo>
                  <a:cubicBezTo>
                    <a:pt x="120430" y="279610"/>
                    <a:pt x="136343" y="291543"/>
                    <a:pt x="143326" y="297396"/>
                  </a:cubicBezTo>
                  <a:cubicBezTo>
                    <a:pt x="189715" y="336229"/>
                    <a:pt x="245484" y="378165"/>
                    <a:pt x="256591" y="385464"/>
                  </a:cubicBezTo>
                  <a:cubicBezTo>
                    <a:pt x="266968" y="392277"/>
                    <a:pt x="285654" y="399529"/>
                    <a:pt x="299864" y="399529"/>
                  </a:cubicBezTo>
                  <a:cubicBezTo>
                    <a:pt x="305424" y="399529"/>
                    <a:pt x="319427" y="399529"/>
                    <a:pt x="329258" y="391219"/>
                  </a:cubicBezTo>
                  <a:cubicBezTo>
                    <a:pt x="339392" y="395197"/>
                    <a:pt x="350316" y="395003"/>
                    <a:pt x="360475" y="390525"/>
                  </a:cubicBezTo>
                  <a:cubicBezTo>
                    <a:pt x="370609" y="386060"/>
                    <a:pt x="378809" y="377642"/>
                    <a:pt x="383578" y="367409"/>
                  </a:cubicBezTo>
                  <a:cubicBezTo>
                    <a:pt x="393310" y="369404"/>
                    <a:pt x="404491" y="367944"/>
                    <a:pt x="414625" y="362859"/>
                  </a:cubicBezTo>
                  <a:cubicBezTo>
                    <a:pt x="424126" y="358102"/>
                    <a:pt x="431122" y="350900"/>
                    <a:pt x="434868" y="342481"/>
                  </a:cubicBezTo>
                  <a:cubicBezTo>
                    <a:pt x="443871" y="343308"/>
                    <a:pt x="453483" y="340377"/>
                    <a:pt x="462083" y="333794"/>
                  </a:cubicBezTo>
                  <a:cubicBezTo>
                    <a:pt x="474372" y="324401"/>
                    <a:pt x="479999" y="310528"/>
                    <a:pt x="478407" y="296842"/>
                  </a:cubicBezTo>
                  <a:lnTo>
                    <a:pt x="510008" y="279360"/>
                  </a:lnTo>
                  <a:cubicBezTo>
                    <a:pt x="519262" y="291904"/>
                    <a:pt x="533971" y="299864"/>
                    <a:pt x="550006" y="299864"/>
                  </a:cubicBezTo>
                  <a:lnTo>
                    <a:pt x="586394" y="299864"/>
                  </a:lnTo>
                  <a:cubicBezTo>
                    <a:pt x="593280" y="299864"/>
                    <a:pt x="598852" y="294292"/>
                    <a:pt x="598852" y="287406"/>
                  </a:cubicBezTo>
                  <a:lnTo>
                    <a:pt x="598852" y="38251"/>
                  </a:lnTo>
                  <a:cubicBezTo>
                    <a:pt x="598853" y="34187"/>
                    <a:pt x="596870" y="30379"/>
                    <a:pt x="593537" y="28043"/>
                  </a:cubicBezTo>
                  <a:close/>
                  <a:moveTo>
                    <a:pt x="446962" y="314003"/>
                  </a:moveTo>
                  <a:cubicBezTo>
                    <a:pt x="442740" y="317239"/>
                    <a:pt x="436828" y="319040"/>
                    <a:pt x="434200" y="316412"/>
                  </a:cubicBezTo>
                  <a:cubicBezTo>
                    <a:pt x="434066" y="316278"/>
                    <a:pt x="433858" y="316291"/>
                    <a:pt x="433720" y="316162"/>
                  </a:cubicBezTo>
                  <a:cubicBezTo>
                    <a:pt x="433482" y="315941"/>
                    <a:pt x="433364" y="315644"/>
                    <a:pt x="433106" y="315438"/>
                  </a:cubicBezTo>
                  <a:cubicBezTo>
                    <a:pt x="424200" y="308406"/>
                    <a:pt x="384296" y="267578"/>
                    <a:pt x="359636" y="241859"/>
                  </a:cubicBezTo>
                  <a:cubicBezTo>
                    <a:pt x="354880" y="236883"/>
                    <a:pt x="346984" y="236700"/>
                    <a:pt x="342032" y="241482"/>
                  </a:cubicBezTo>
                  <a:cubicBezTo>
                    <a:pt x="337057" y="246239"/>
                    <a:pt x="336886" y="254122"/>
                    <a:pt x="341655" y="259086"/>
                  </a:cubicBezTo>
                  <a:cubicBezTo>
                    <a:pt x="347443" y="265127"/>
                    <a:pt x="393908" y="313520"/>
                    <a:pt x="412505" y="330445"/>
                  </a:cubicBezTo>
                  <a:cubicBezTo>
                    <a:pt x="411116" y="335915"/>
                    <a:pt x="406045" y="339293"/>
                    <a:pt x="403470" y="340585"/>
                  </a:cubicBezTo>
                  <a:cubicBezTo>
                    <a:pt x="395489" y="344587"/>
                    <a:pt x="387168" y="343918"/>
                    <a:pt x="384053" y="341023"/>
                  </a:cubicBezTo>
                  <a:cubicBezTo>
                    <a:pt x="383961" y="340936"/>
                    <a:pt x="383822" y="340941"/>
                    <a:pt x="383727" y="340857"/>
                  </a:cubicBezTo>
                  <a:cubicBezTo>
                    <a:pt x="383575" y="340721"/>
                    <a:pt x="383508" y="340531"/>
                    <a:pt x="383346" y="340402"/>
                  </a:cubicBezTo>
                  <a:cubicBezTo>
                    <a:pt x="368406" y="328467"/>
                    <a:pt x="330924" y="288636"/>
                    <a:pt x="322444" y="279415"/>
                  </a:cubicBezTo>
                  <a:cubicBezTo>
                    <a:pt x="317784" y="274341"/>
                    <a:pt x="309913" y="274025"/>
                    <a:pt x="304840" y="278673"/>
                  </a:cubicBezTo>
                  <a:cubicBezTo>
                    <a:pt x="299779" y="283333"/>
                    <a:pt x="299438" y="291216"/>
                    <a:pt x="304098" y="296277"/>
                  </a:cubicBezTo>
                  <a:cubicBezTo>
                    <a:pt x="304507" y="296720"/>
                    <a:pt x="341240" y="336344"/>
                    <a:pt x="361872" y="354749"/>
                  </a:cubicBezTo>
                  <a:cubicBezTo>
                    <a:pt x="359844" y="360575"/>
                    <a:pt x="355713" y="365399"/>
                    <a:pt x="350413" y="367739"/>
                  </a:cubicBezTo>
                  <a:cubicBezTo>
                    <a:pt x="346502" y="369477"/>
                    <a:pt x="340384" y="370368"/>
                    <a:pt x="333394" y="365202"/>
                  </a:cubicBezTo>
                  <a:cubicBezTo>
                    <a:pt x="315504" y="350033"/>
                    <a:pt x="279601" y="311815"/>
                    <a:pt x="272540" y="304257"/>
                  </a:cubicBezTo>
                  <a:cubicBezTo>
                    <a:pt x="267856" y="299220"/>
                    <a:pt x="259948" y="298966"/>
                    <a:pt x="254936" y="303662"/>
                  </a:cubicBezTo>
                  <a:cubicBezTo>
                    <a:pt x="249911" y="308358"/>
                    <a:pt x="249644" y="316242"/>
                    <a:pt x="254340" y="321266"/>
                  </a:cubicBezTo>
                  <a:cubicBezTo>
                    <a:pt x="262712" y="330226"/>
                    <a:pt x="287456" y="356453"/>
                    <a:pt x="306267" y="374211"/>
                  </a:cubicBezTo>
                  <a:cubicBezTo>
                    <a:pt x="304166" y="374467"/>
                    <a:pt x="301960" y="374613"/>
                    <a:pt x="299864" y="374613"/>
                  </a:cubicBezTo>
                  <a:cubicBezTo>
                    <a:pt x="291615" y="374613"/>
                    <a:pt x="277443" y="369346"/>
                    <a:pt x="270277" y="364637"/>
                  </a:cubicBezTo>
                  <a:cubicBezTo>
                    <a:pt x="261543" y="358894"/>
                    <a:pt x="206698" y="317969"/>
                    <a:pt x="159336" y="278307"/>
                  </a:cubicBezTo>
                  <a:cubicBezTo>
                    <a:pt x="152171" y="272297"/>
                    <a:pt x="135820" y="259998"/>
                    <a:pt x="120856" y="248757"/>
                  </a:cubicBezTo>
                  <a:cubicBezTo>
                    <a:pt x="112835" y="242736"/>
                    <a:pt x="105446" y="237185"/>
                    <a:pt x="100000" y="232995"/>
                  </a:cubicBezTo>
                  <a:lnTo>
                    <a:pt x="146645" y="108593"/>
                  </a:lnTo>
                  <a:cubicBezTo>
                    <a:pt x="158752" y="108064"/>
                    <a:pt x="174894" y="106668"/>
                    <a:pt x="191977" y="105161"/>
                  </a:cubicBezTo>
                  <a:cubicBezTo>
                    <a:pt x="201640" y="104310"/>
                    <a:pt x="211310" y="103480"/>
                    <a:pt x="220553" y="102760"/>
                  </a:cubicBezTo>
                  <a:cubicBezTo>
                    <a:pt x="206348" y="117336"/>
                    <a:pt x="185227" y="143465"/>
                    <a:pt x="188011" y="167949"/>
                  </a:cubicBezTo>
                  <a:cubicBezTo>
                    <a:pt x="189289" y="179093"/>
                    <a:pt x="195384" y="188376"/>
                    <a:pt x="205664" y="194800"/>
                  </a:cubicBezTo>
                  <a:cubicBezTo>
                    <a:pt x="211504" y="198449"/>
                    <a:pt x="218707" y="200298"/>
                    <a:pt x="227053" y="200298"/>
                  </a:cubicBezTo>
                  <a:cubicBezTo>
                    <a:pt x="244754" y="200298"/>
                    <a:pt x="268210" y="191478"/>
                    <a:pt x="281860" y="174530"/>
                  </a:cubicBezTo>
                  <a:cubicBezTo>
                    <a:pt x="293575" y="172839"/>
                    <a:pt x="301483" y="169847"/>
                    <a:pt x="310121" y="165564"/>
                  </a:cubicBezTo>
                  <a:cubicBezTo>
                    <a:pt x="324720" y="179287"/>
                    <a:pt x="344295" y="195420"/>
                    <a:pt x="364856" y="212366"/>
                  </a:cubicBezTo>
                  <a:cubicBezTo>
                    <a:pt x="400648" y="241856"/>
                    <a:pt x="441221" y="275288"/>
                    <a:pt x="451952" y="294036"/>
                  </a:cubicBezTo>
                  <a:cubicBezTo>
                    <a:pt x="457923" y="304464"/>
                    <a:pt x="449639" y="311959"/>
                    <a:pt x="446962" y="314003"/>
                  </a:cubicBezTo>
                  <a:close/>
                </a:path>
              </a:pathLst>
            </a:custGeom>
            <a:grpFill/>
            <a:ln w="9525" cap="flat">
              <a:noFill/>
              <a:prstDash val="solid"/>
              <a:miter/>
            </a:ln>
          </p:spPr>
          <p:txBody>
            <a:bodyPr rtlCol="0" anchor="ctr"/>
            <a:lstStyle/>
            <a:p>
              <a:endParaRPr lang="es-MX"/>
            </a:p>
          </p:txBody>
        </p:sp>
      </p:grpSp>
      <p:grpSp>
        <p:nvGrpSpPr>
          <p:cNvPr id="1044" name="Gráfico 225">
            <a:extLst>
              <a:ext uri="{FF2B5EF4-FFF2-40B4-BE49-F238E27FC236}">
                <a16:creationId xmlns:a16="http://schemas.microsoft.com/office/drawing/2014/main" id="{6A326297-D546-E21F-7A56-FC82C6AB76A7}"/>
              </a:ext>
            </a:extLst>
          </p:cNvPr>
          <p:cNvGrpSpPr/>
          <p:nvPr/>
        </p:nvGrpSpPr>
        <p:grpSpPr>
          <a:xfrm>
            <a:off x="7800851" y="2858169"/>
            <a:ext cx="523262" cy="570831"/>
            <a:chOff x="7451055" y="1565328"/>
            <a:chExt cx="523262" cy="570831"/>
          </a:xfrm>
          <a:solidFill>
            <a:schemeClr val="bg1">
              <a:lumMod val="50000"/>
            </a:schemeClr>
          </a:solidFill>
        </p:grpSpPr>
        <p:sp>
          <p:nvSpPr>
            <p:cNvPr id="1045" name="Forma libre 287">
              <a:extLst>
                <a:ext uri="{FF2B5EF4-FFF2-40B4-BE49-F238E27FC236}">
                  <a16:creationId xmlns:a16="http://schemas.microsoft.com/office/drawing/2014/main" id="{97FF8982-148A-57F4-9A42-83795698DD94}"/>
                </a:ext>
              </a:extLst>
            </p:cNvPr>
            <p:cNvSpPr/>
            <p:nvPr/>
          </p:nvSpPr>
          <p:spPr>
            <a:xfrm>
              <a:off x="7451055" y="1612896"/>
              <a:ext cx="523262" cy="404340"/>
            </a:xfrm>
            <a:custGeom>
              <a:avLst/>
              <a:gdLst>
                <a:gd name="connsiteX0" fmla="*/ 484961 w 523262"/>
                <a:gd name="connsiteY0" fmla="*/ 47570 h 404340"/>
                <a:gd name="connsiteX1" fmla="*/ 461908 w 523262"/>
                <a:gd name="connsiteY1" fmla="*/ 47570 h 404340"/>
                <a:gd name="connsiteX2" fmla="*/ 452919 w 523262"/>
                <a:gd name="connsiteY2" fmla="*/ 51669 h 404340"/>
                <a:gd name="connsiteX3" fmla="*/ 450131 w 523262"/>
                <a:gd name="connsiteY3" fmla="*/ 61146 h 404340"/>
                <a:gd name="connsiteX4" fmla="*/ 451909 w 523262"/>
                <a:gd name="connsiteY4" fmla="*/ 83247 h 404340"/>
                <a:gd name="connsiteX5" fmla="*/ 297308 w 523262"/>
                <a:gd name="connsiteY5" fmla="*/ 237847 h 404340"/>
                <a:gd name="connsiteX6" fmla="*/ 142708 w 523262"/>
                <a:gd name="connsiteY6" fmla="*/ 83247 h 404340"/>
                <a:gd name="connsiteX7" fmla="*/ 144485 w 523262"/>
                <a:gd name="connsiteY7" fmla="*/ 61146 h 404340"/>
                <a:gd name="connsiteX8" fmla="*/ 141698 w 523262"/>
                <a:gd name="connsiteY8" fmla="*/ 51669 h 404340"/>
                <a:gd name="connsiteX9" fmla="*/ 132708 w 523262"/>
                <a:gd name="connsiteY9" fmla="*/ 47570 h 404340"/>
                <a:gd name="connsiteX10" fmla="*/ 105105 w 523262"/>
                <a:gd name="connsiteY10" fmla="*/ 47570 h 404340"/>
                <a:gd name="connsiteX11" fmla="*/ 95445 w 523262"/>
                <a:gd name="connsiteY11" fmla="*/ 16689 h 404340"/>
                <a:gd name="connsiteX12" fmla="*/ 72736 w 523262"/>
                <a:gd name="connsiteY12" fmla="*/ 0 h 404340"/>
                <a:gd name="connsiteX13" fmla="*/ 11893 w 523262"/>
                <a:gd name="connsiteY13" fmla="*/ 0 h 404340"/>
                <a:gd name="connsiteX14" fmla="*/ 0 w 523262"/>
                <a:gd name="connsiteY14" fmla="*/ 11893 h 404340"/>
                <a:gd name="connsiteX15" fmla="*/ 0 w 523262"/>
                <a:gd name="connsiteY15" fmla="*/ 35677 h 404340"/>
                <a:gd name="connsiteX16" fmla="*/ 11893 w 523262"/>
                <a:gd name="connsiteY16" fmla="*/ 47570 h 404340"/>
                <a:gd name="connsiteX17" fmla="*/ 55258 w 523262"/>
                <a:gd name="connsiteY17" fmla="*/ 47570 h 404340"/>
                <a:gd name="connsiteX18" fmla="*/ 130437 w 523262"/>
                <a:gd name="connsiteY18" fmla="*/ 287839 h 404340"/>
                <a:gd name="connsiteX19" fmla="*/ 95139 w 523262"/>
                <a:gd name="connsiteY19" fmla="*/ 323137 h 404340"/>
                <a:gd name="connsiteX20" fmla="*/ 84826 w 523262"/>
                <a:gd name="connsiteY20" fmla="*/ 374969 h 404340"/>
                <a:gd name="connsiteX21" fmla="*/ 128773 w 523262"/>
                <a:gd name="connsiteY21" fmla="*/ 404340 h 404340"/>
                <a:gd name="connsiteX22" fmla="*/ 463801 w 523262"/>
                <a:gd name="connsiteY22" fmla="*/ 404340 h 404340"/>
                <a:gd name="connsiteX23" fmla="*/ 475694 w 523262"/>
                <a:gd name="connsiteY23" fmla="*/ 392447 h 404340"/>
                <a:gd name="connsiteX24" fmla="*/ 475694 w 523262"/>
                <a:gd name="connsiteY24" fmla="*/ 368663 h 404340"/>
                <a:gd name="connsiteX25" fmla="*/ 463801 w 523262"/>
                <a:gd name="connsiteY25" fmla="*/ 356770 h 404340"/>
                <a:gd name="connsiteX26" fmla="*/ 128773 w 523262"/>
                <a:gd name="connsiteY26" fmla="*/ 356770 h 404340"/>
                <a:gd name="connsiteX27" fmla="*/ 176341 w 523262"/>
                <a:gd name="connsiteY27" fmla="*/ 309201 h 404340"/>
                <a:gd name="connsiteX28" fmla="*/ 393585 w 523262"/>
                <a:gd name="connsiteY28" fmla="*/ 309201 h 404340"/>
                <a:gd name="connsiteX29" fmla="*/ 436637 w 523262"/>
                <a:gd name="connsiteY29" fmla="*/ 281886 h 404340"/>
                <a:gd name="connsiteX30" fmla="*/ 519628 w 523262"/>
                <a:gd name="connsiteY30" fmla="*/ 105533 h 404340"/>
                <a:gd name="connsiteX31" fmla="*/ 523262 w 523262"/>
                <a:gd name="connsiteY31" fmla="*/ 89239 h 404340"/>
                <a:gd name="connsiteX32" fmla="*/ 523262 w 523262"/>
                <a:gd name="connsiteY32" fmla="*/ 85871 h 404340"/>
                <a:gd name="connsiteX33" fmla="*/ 484961 w 523262"/>
                <a:gd name="connsiteY33" fmla="*/ 47570 h 404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523262" h="404340">
                  <a:moveTo>
                    <a:pt x="484961" y="47570"/>
                  </a:moveTo>
                  <a:lnTo>
                    <a:pt x="461908" y="47570"/>
                  </a:lnTo>
                  <a:cubicBezTo>
                    <a:pt x="458459" y="47570"/>
                    <a:pt x="455184" y="49068"/>
                    <a:pt x="452919" y="51669"/>
                  </a:cubicBezTo>
                  <a:cubicBezTo>
                    <a:pt x="450666" y="54270"/>
                    <a:pt x="449643" y="57732"/>
                    <a:pt x="450131" y="61146"/>
                  </a:cubicBezTo>
                  <a:cubicBezTo>
                    <a:pt x="451339" y="69600"/>
                    <a:pt x="451909" y="76626"/>
                    <a:pt x="451909" y="83247"/>
                  </a:cubicBezTo>
                  <a:cubicBezTo>
                    <a:pt x="451909" y="168491"/>
                    <a:pt x="382552" y="237847"/>
                    <a:pt x="297308" y="237847"/>
                  </a:cubicBezTo>
                  <a:cubicBezTo>
                    <a:pt x="212065" y="237847"/>
                    <a:pt x="142708" y="168491"/>
                    <a:pt x="142708" y="83247"/>
                  </a:cubicBezTo>
                  <a:cubicBezTo>
                    <a:pt x="142708" y="76626"/>
                    <a:pt x="143276" y="69600"/>
                    <a:pt x="144485" y="61146"/>
                  </a:cubicBezTo>
                  <a:cubicBezTo>
                    <a:pt x="144973" y="57731"/>
                    <a:pt x="143951" y="54270"/>
                    <a:pt x="141698" y="51669"/>
                  </a:cubicBezTo>
                  <a:cubicBezTo>
                    <a:pt x="139433" y="49068"/>
                    <a:pt x="136158" y="47570"/>
                    <a:pt x="132708" y="47570"/>
                  </a:cubicBezTo>
                  <a:lnTo>
                    <a:pt x="105105" y="47570"/>
                  </a:lnTo>
                  <a:lnTo>
                    <a:pt x="95445" y="16689"/>
                  </a:lnTo>
                  <a:cubicBezTo>
                    <a:pt x="92339" y="6760"/>
                    <a:pt x="83141" y="0"/>
                    <a:pt x="72736" y="0"/>
                  </a:cubicBezTo>
                  <a:lnTo>
                    <a:pt x="11893" y="0"/>
                  </a:lnTo>
                  <a:cubicBezTo>
                    <a:pt x="5325" y="0"/>
                    <a:pt x="0" y="5324"/>
                    <a:pt x="0" y="11893"/>
                  </a:cubicBezTo>
                  <a:lnTo>
                    <a:pt x="0" y="35677"/>
                  </a:lnTo>
                  <a:cubicBezTo>
                    <a:pt x="0" y="42245"/>
                    <a:pt x="5325" y="47570"/>
                    <a:pt x="11893" y="47570"/>
                  </a:cubicBezTo>
                  <a:lnTo>
                    <a:pt x="55258" y="47570"/>
                  </a:lnTo>
                  <a:lnTo>
                    <a:pt x="130437" y="287839"/>
                  </a:lnTo>
                  <a:lnTo>
                    <a:pt x="95139" y="323137"/>
                  </a:lnTo>
                  <a:cubicBezTo>
                    <a:pt x="81482" y="336784"/>
                    <a:pt x="77440" y="357131"/>
                    <a:pt x="84826" y="374969"/>
                  </a:cubicBezTo>
                  <a:cubicBezTo>
                    <a:pt x="92213" y="392808"/>
                    <a:pt x="109470" y="404340"/>
                    <a:pt x="128773" y="404340"/>
                  </a:cubicBezTo>
                  <a:lnTo>
                    <a:pt x="463801" y="404340"/>
                  </a:lnTo>
                  <a:cubicBezTo>
                    <a:pt x="470369" y="404340"/>
                    <a:pt x="475694" y="399015"/>
                    <a:pt x="475694" y="392447"/>
                  </a:cubicBezTo>
                  <a:lnTo>
                    <a:pt x="475694" y="368663"/>
                  </a:lnTo>
                  <a:cubicBezTo>
                    <a:pt x="475694" y="362094"/>
                    <a:pt x="470369" y="356770"/>
                    <a:pt x="463801" y="356770"/>
                  </a:cubicBezTo>
                  <a:lnTo>
                    <a:pt x="128773" y="356770"/>
                  </a:lnTo>
                  <a:lnTo>
                    <a:pt x="176341" y="309201"/>
                  </a:lnTo>
                  <a:lnTo>
                    <a:pt x="393585" y="309201"/>
                  </a:lnTo>
                  <a:cubicBezTo>
                    <a:pt x="411923" y="309201"/>
                    <a:pt x="428820" y="298481"/>
                    <a:pt x="436637" y="281886"/>
                  </a:cubicBezTo>
                  <a:lnTo>
                    <a:pt x="519628" y="105533"/>
                  </a:lnTo>
                  <a:cubicBezTo>
                    <a:pt x="522008" y="100458"/>
                    <a:pt x="523262" y="94826"/>
                    <a:pt x="523262" y="89239"/>
                  </a:cubicBezTo>
                  <a:lnTo>
                    <a:pt x="523262" y="85871"/>
                  </a:lnTo>
                  <a:cubicBezTo>
                    <a:pt x="523262" y="64747"/>
                    <a:pt x="506085" y="47570"/>
                    <a:pt x="484961" y="47570"/>
                  </a:cubicBezTo>
                  <a:close/>
                </a:path>
              </a:pathLst>
            </a:custGeom>
            <a:grpFill/>
            <a:ln w="1098" cap="flat">
              <a:noFill/>
              <a:prstDash val="solid"/>
              <a:miter/>
            </a:ln>
          </p:spPr>
          <p:txBody>
            <a:bodyPr rtlCol="0" anchor="ctr"/>
            <a:lstStyle/>
            <a:p>
              <a:endParaRPr lang="es-MX"/>
            </a:p>
          </p:txBody>
        </p:sp>
        <p:sp>
          <p:nvSpPr>
            <p:cNvPr id="1046" name="Forma libre 288">
              <a:extLst>
                <a:ext uri="{FF2B5EF4-FFF2-40B4-BE49-F238E27FC236}">
                  <a16:creationId xmlns:a16="http://schemas.microsoft.com/office/drawing/2014/main" id="{B82A88E5-E348-B57C-313F-BF7083CC96E0}"/>
                </a:ext>
              </a:extLst>
            </p:cNvPr>
            <p:cNvSpPr/>
            <p:nvPr/>
          </p:nvSpPr>
          <p:spPr>
            <a:xfrm>
              <a:off x="7546193" y="2041019"/>
              <a:ext cx="95139" cy="95139"/>
            </a:xfrm>
            <a:custGeom>
              <a:avLst/>
              <a:gdLst>
                <a:gd name="connsiteX0" fmla="*/ 95139 w 95139"/>
                <a:gd name="connsiteY0" fmla="*/ 47570 h 95139"/>
                <a:gd name="connsiteX1" fmla="*/ 47570 w 95139"/>
                <a:gd name="connsiteY1" fmla="*/ 95139 h 95139"/>
                <a:gd name="connsiteX2" fmla="*/ 0 w 95139"/>
                <a:gd name="connsiteY2" fmla="*/ 47570 h 95139"/>
                <a:gd name="connsiteX3" fmla="*/ 47570 w 95139"/>
                <a:gd name="connsiteY3" fmla="*/ 0 h 95139"/>
                <a:gd name="connsiteX4" fmla="*/ 95139 w 95139"/>
                <a:gd name="connsiteY4" fmla="*/ 47570 h 951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139" h="95139">
                  <a:moveTo>
                    <a:pt x="95139" y="47570"/>
                  </a:moveTo>
                  <a:cubicBezTo>
                    <a:pt x="95139" y="73842"/>
                    <a:pt x="73842" y="95139"/>
                    <a:pt x="47570" y="95139"/>
                  </a:cubicBezTo>
                  <a:cubicBezTo>
                    <a:pt x="21298" y="95139"/>
                    <a:pt x="0" y="73842"/>
                    <a:pt x="0" y="47570"/>
                  </a:cubicBezTo>
                  <a:cubicBezTo>
                    <a:pt x="0" y="21298"/>
                    <a:pt x="21298" y="0"/>
                    <a:pt x="47570" y="0"/>
                  </a:cubicBezTo>
                  <a:cubicBezTo>
                    <a:pt x="73842" y="0"/>
                    <a:pt x="95139" y="21298"/>
                    <a:pt x="95139" y="47570"/>
                  </a:cubicBezTo>
                  <a:close/>
                </a:path>
              </a:pathLst>
            </a:custGeom>
            <a:grpFill/>
            <a:ln w="1098" cap="flat">
              <a:noFill/>
              <a:prstDash val="solid"/>
              <a:miter/>
            </a:ln>
          </p:spPr>
          <p:txBody>
            <a:bodyPr rtlCol="0" anchor="ctr"/>
            <a:lstStyle/>
            <a:p>
              <a:endParaRPr lang="es-MX"/>
            </a:p>
          </p:txBody>
        </p:sp>
        <p:sp>
          <p:nvSpPr>
            <p:cNvPr id="1047" name="Forma libre 289">
              <a:extLst>
                <a:ext uri="{FF2B5EF4-FFF2-40B4-BE49-F238E27FC236}">
                  <a16:creationId xmlns:a16="http://schemas.microsoft.com/office/drawing/2014/main" id="{F0F5CE0D-ED4A-00C0-3BA2-50135084C013}"/>
                </a:ext>
              </a:extLst>
            </p:cNvPr>
            <p:cNvSpPr/>
            <p:nvPr/>
          </p:nvSpPr>
          <p:spPr>
            <a:xfrm>
              <a:off x="7831608" y="2041019"/>
              <a:ext cx="95139" cy="95139"/>
            </a:xfrm>
            <a:custGeom>
              <a:avLst/>
              <a:gdLst>
                <a:gd name="connsiteX0" fmla="*/ 95139 w 95139"/>
                <a:gd name="connsiteY0" fmla="*/ 47570 h 95139"/>
                <a:gd name="connsiteX1" fmla="*/ 47570 w 95139"/>
                <a:gd name="connsiteY1" fmla="*/ 95139 h 95139"/>
                <a:gd name="connsiteX2" fmla="*/ 0 w 95139"/>
                <a:gd name="connsiteY2" fmla="*/ 47570 h 95139"/>
                <a:gd name="connsiteX3" fmla="*/ 47570 w 95139"/>
                <a:gd name="connsiteY3" fmla="*/ 0 h 95139"/>
                <a:gd name="connsiteX4" fmla="*/ 95139 w 95139"/>
                <a:gd name="connsiteY4" fmla="*/ 47570 h 9513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139" h="95139">
                  <a:moveTo>
                    <a:pt x="95139" y="47570"/>
                  </a:moveTo>
                  <a:cubicBezTo>
                    <a:pt x="95139" y="73842"/>
                    <a:pt x="73842" y="95139"/>
                    <a:pt x="47570" y="95139"/>
                  </a:cubicBezTo>
                  <a:cubicBezTo>
                    <a:pt x="21298" y="95139"/>
                    <a:pt x="0" y="73842"/>
                    <a:pt x="0" y="47570"/>
                  </a:cubicBezTo>
                  <a:cubicBezTo>
                    <a:pt x="0" y="21298"/>
                    <a:pt x="21298" y="0"/>
                    <a:pt x="47570" y="0"/>
                  </a:cubicBezTo>
                  <a:cubicBezTo>
                    <a:pt x="73842" y="0"/>
                    <a:pt x="95139" y="21298"/>
                    <a:pt x="95139" y="47570"/>
                  </a:cubicBezTo>
                  <a:close/>
                </a:path>
              </a:pathLst>
            </a:custGeom>
            <a:grpFill/>
            <a:ln w="1098" cap="flat">
              <a:noFill/>
              <a:prstDash val="solid"/>
              <a:miter/>
            </a:ln>
          </p:spPr>
          <p:txBody>
            <a:bodyPr rtlCol="0" anchor="ctr"/>
            <a:lstStyle/>
            <a:p>
              <a:endParaRPr lang="es-MX"/>
            </a:p>
          </p:txBody>
        </p:sp>
        <p:sp>
          <p:nvSpPr>
            <p:cNvPr id="1048" name="Forma libre 290">
              <a:extLst>
                <a:ext uri="{FF2B5EF4-FFF2-40B4-BE49-F238E27FC236}">
                  <a16:creationId xmlns:a16="http://schemas.microsoft.com/office/drawing/2014/main" id="{42FB7887-FAF8-9299-4244-F00D94721635}"/>
                </a:ext>
              </a:extLst>
            </p:cNvPr>
            <p:cNvSpPr/>
            <p:nvPr/>
          </p:nvSpPr>
          <p:spPr>
            <a:xfrm>
              <a:off x="7617548" y="1565328"/>
              <a:ext cx="261630" cy="261631"/>
            </a:xfrm>
            <a:custGeom>
              <a:avLst/>
              <a:gdLst>
                <a:gd name="connsiteX0" fmla="*/ 130815 w 261630"/>
                <a:gd name="connsiteY0" fmla="*/ 261631 h 261631"/>
                <a:gd name="connsiteX1" fmla="*/ 261630 w 261630"/>
                <a:gd name="connsiteY1" fmla="*/ 130816 h 261631"/>
                <a:gd name="connsiteX2" fmla="*/ 130815 w 261630"/>
                <a:gd name="connsiteY2" fmla="*/ 0 h 261631"/>
                <a:gd name="connsiteX3" fmla="*/ 0 w 261630"/>
                <a:gd name="connsiteY3" fmla="*/ 130815 h 261631"/>
                <a:gd name="connsiteX4" fmla="*/ 130815 w 261630"/>
                <a:gd name="connsiteY4" fmla="*/ 261631 h 261631"/>
                <a:gd name="connsiteX5" fmla="*/ 86730 w 261630"/>
                <a:gd name="connsiteY5" fmla="*/ 103547 h 261631"/>
                <a:gd name="connsiteX6" fmla="*/ 86730 w 261630"/>
                <a:gd name="connsiteY6" fmla="*/ 86731 h 261631"/>
                <a:gd name="connsiteX7" fmla="*/ 103546 w 261630"/>
                <a:gd name="connsiteY7" fmla="*/ 86731 h 261631"/>
                <a:gd name="connsiteX8" fmla="*/ 130815 w 261630"/>
                <a:gd name="connsiteY8" fmla="*/ 113999 h 261631"/>
                <a:gd name="connsiteX9" fmla="*/ 158083 w 261630"/>
                <a:gd name="connsiteY9" fmla="*/ 86731 h 261631"/>
                <a:gd name="connsiteX10" fmla="*/ 174899 w 261630"/>
                <a:gd name="connsiteY10" fmla="*/ 86731 h 261631"/>
                <a:gd name="connsiteX11" fmla="*/ 174899 w 261630"/>
                <a:gd name="connsiteY11" fmla="*/ 103547 h 261631"/>
                <a:gd name="connsiteX12" fmla="*/ 147631 w 261630"/>
                <a:gd name="connsiteY12" fmla="*/ 130815 h 261631"/>
                <a:gd name="connsiteX13" fmla="*/ 174899 w 261630"/>
                <a:gd name="connsiteY13" fmla="*/ 158083 h 261631"/>
                <a:gd name="connsiteX14" fmla="*/ 174899 w 261630"/>
                <a:gd name="connsiteY14" fmla="*/ 174899 h 261631"/>
                <a:gd name="connsiteX15" fmla="*/ 166492 w 261630"/>
                <a:gd name="connsiteY15" fmla="*/ 178385 h 261631"/>
                <a:gd name="connsiteX16" fmla="*/ 158083 w 261630"/>
                <a:gd name="connsiteY16" fmla="*/ 174901 h 261631"/>
                <a:gd name="connsiteX17" fmla="*/ 130815 w 261630"/>
                <a:gd name="connsiteY17" fmla="*/ 147632 h 261631"/>
                <a:gd name="connsiteX18" fmla="*/ 103547 w 261630"/>
                <a:gd name="connsiteY18" fmla="*/ 174901 h 261631"/>
                <a:gd name="connsiteX19" fmla="*/ 95138 w 261630"/>
                <a:gd name="connsiteY19" fmla="*/ 178385 h 261631"/>
                <a:gd name="connsiteX20" fmla="*/ 86730 w 261630"/>
                <a:gd name="connsiteY20" fmla="*/ 174901 h 261631"/>
                <a:gd name="connsiteX21" fmla="*/ 86730 w 261630"/>
                <a:gd name="connsiteY21" fmla="*/ 158085 h 261631"/>
                <a:gd name="connsiteX22" fmla="*/ 113998 w 261630"/>
                <a:gd name="connsiteY22" fmla="*/ 130816 h 261631"/>
                <a:gd name="connsiteX23" fmla="*/ 86730 w 261630"/>
                <a:gd name="connsiteY23" fmla="*/ 103547 h 2616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261630" h="261631">
                  <a:moveTo>
                    <a:pt x="130815" y="261631"/>
                  </a:moveTo>
                  <a:cubicBezTo>
                    <a:pt x="202947" y="261631"/>
                    <a:pt x="261630" y="202948"/>
                    <a:pt x="261630" y="130816"/>
                  </a:cubicBezTo>
                  <a:cubicBezTo>
                    <a:pt x="261630" y="58684"/>
                    <a:pt x="202947" y="0"/>
                    <a:pt x="130815" y="0"/>
                  </a:cubicBezTo>
                  <a:cubicBezTo>
                    <a:pt x="58683" y="0"/>
                    <a:pt x="0" y="58683"/>
                    <a:pt x="0" y="130815"/>
                  </a:cubicBezTo>
                  <a:cubicBezTo>
                    <a:pt x="0" y="202947"/>
                    <a:pt x="58683" y="261631"/>
                    <a:pt x="130815" y="261631"/>
                  </a:cubicBezTo>
                  <a:close/>
                  <a:moveTo>
                    <a:pt x="86730" y="103547"/>
                  </a:moveTo>
                  <a:cubicBezTo>
                    <a:pt x="82084" y="98901"/>
                    <a:pt x="82084" y="91375"/>
                    <a:pt x="86730" y="86731"/>
                  </a:cubicBezTo>
                  <a:cubicBezTo>
                    <a:pt x="91375" y="82085"/>
                    <a:pt x="98901" y="82085"/>
                    <a:pt x="103546" y="86731"/>
                  </a:cubicBezTo>
                  <a:lnTo>
                    <a:pt x="130815" y="113999"/>
                  </a:lnTo>
                  <a:lnTo>
                    <a:pt x="158083" y="86731"/>
                  </a:lnTo>
                  <a:cubicBezTo>
                    <a:pt x="162729" y="82085"/>
                    <a:pt x="170255" y="82085"/>
                    <a:pt x="174899" y="86731"/>
                  </a:cubicBezTo>
                  <a:cubicBezTo>
                    <a:pt x="179545" y="91376"/>
                    <a:pt x="179545" y="98902"/>
                    <a:pt x="174899" y="103547"/>
                  </a:cubicBezTo>
                  <a:lnTo>
                    <a:pt x="147631" y="130815"/>
                  </a:lnTo>
                  <a:lnTo>
                    <a:pt x="174899" y="158083"/>
                  </a:lnTo>
                  <a:cubicBezTo>
                    <a:pt x="179545" y="162729"/>
                    <a:pt x="179545" y="170255"/>
                    <a:pt x="174899" y="174899"/>
                  </a:cubicBezTo>
                  <a:cubicBezTo>
                    <a:pt x="172577" y="177223"/>
                    <a:pt x="169535" y="178385"/>
                    <a:pt x="166492" y="178385"/>
                  </a:cubicBezTo>
                  <a:cubicBezTo>
                    <a:pt x="163449" y="178385"/>
                    <a:pt x="160407" y="177223"/>
                    <a:pt x="158083" y="174901"/>
                  </a:cubicBezTo>
                  <a:lnTo>
                    <a:pt x="130815" y="147632"/>
                  </a:lnTo>
                  <a:lnTo>
                    <a:pt x="103547" y="174901"/>
                  </a:lnTo>
                  <a:cubicBezTo>
                    <a:pt x="101223" y="177223"/>
                    <a:pt x="98181" y="178385"/>
                    <a:pt x="95138" y="178385"/>
                  </a:cubicBezTo>
                  <a:cubicBezTo>
                    <a:pt x="92096" y="178385"/>
                    <a:pt x="89053" y="177223"/>
                    <a:pt x="86730" y="174901"/>
                  </a:cubicBezTo>
                  <a:cubicBezTo>
                    <a:pt x="82084" y="170255"/>
                    <a:pt x="82084" y="162729"/>
                    <a:pt x="86730" y="158085"/>
                  </a:cubicBezTo>
                  <a:lnTo>
                    <a:pt x="113998" y="130816"/>
                  </a:lnTo>
                  <a:lnTo>
                    <a:pt x="86730" y="103547"/>
                  </a:lnTo>
                  <a:close/>
                </a:path>
              </a:pathLst>
            </a:custGeom>
            <a:grpFill/>
            <a:ln w="1098" cap="flat">
              <a:noFill/>
              <a:prstDash val="solid"/>
              <a:miter/>
            </a:ln>
          </p:spPr>
          <p:txBody>
            <a:bodyPr rtlCol="0" anchor="ctr"/>
            <a:lstStyle/>
            <a:p>
              <a:endParaRPr lang="es-MX"/>
            </a:p>
          </p:txBody>
        </p:sp>
      </p:grpSp>
      <p:grpSp>
        <p:nvGrpSpPr>
          <p:cNvPr id="1049" name="Gráfico 88">
            <a:extLst>
              <a:ext uri="{FF2B5EF4-FFF2-40B4-BE49-F238E27FC236}">
                <a16:creationId xmlns:a16="http://schemas.microsoft.com/office/drawing/2014/main" id="{62581FDA-C3A0-70BC-5C3D-FFA898BE775A}"/>
              </a:ext>
            </a:extLst>
          </p:cNvPr>
          <p:cNvGrpSpPr/>
          <p:nvPr/>
        </p:nvGrpSpPr>
        <p:grpSpPr>
          <a:xfrm>
            <a:off x="8536631" y="4573290"/>
            <a:ext cx="570831" cy="570832"/>
            <a:chOff x="8599238" y="4280818"/>
            <a:chExt cx="570831" cy="570832"/>
          </a:xfrm>
          <a:solidFill>
            <a:schemeClr val="bg1">
              <a:lumMod val="50000"/>
            </a:schemeClr>
          </a:solidFill>
        </p:grpSpPr>
        <p:sp>
          <p:nvSpPr>
            <p:cNvPr id="1050" name="Forma libre 250">
              <a:extLst>
                <a:ext uri="{FF2B5EF4-FFF2-40B4-BE49-F238E27FC236}">
                  <a16:creationId xmlns:a16="http://schemas.microsoft.com/office/drawing/2014/main" id="{2F7BAA87-067A-0BA5-6000-42B1F79DE007}"/>
                </a:ext>
              </a:extLst>
            </p:cNvPr>
            <p:cNvSpPr/>
            <p:nvPr/>
          </p:nvSpPr>
          <p:spPr>
            <a:xfrm>
              <a:off x="8908437" y="4399741"/>
              <a:ext cx="190277" cy="190277"/>
            </a:xfrm>
            <a:custGeom>
              <a:avLst/>
              <a:gdLst>
                <a:gd name="connsiteX0" fmla="*/ 181266 w 190277"/>
                <a:gd name="connsiteY0" fmla="*/ 66952 h 190277"/>
                <a:gd name="connsiteX1" fmla="*/ 170001 w 190277"/>
                <a:gd name="connsiteY1" fmla="*/ 64130 h 190277"/>
                <a:gd name="connsiteX2" fmla="*/ 175970 w 190277"/>
                <a:gd name="connsiteY2" fmla="*/ 54154 h 190277"/>
                <a:gd name="connsiteX3" fmla="*/ 174181 w 190277"/>
                <a:gd name="connsiteY3" fmla="*/ 39637 h 190277"/>
                <a:gd name="connsiteX4" fmla="*/ 150640 w 190277"/>
                <a:gd name="connsiteY4" fmla="*/ 16096 h 190277"/>
                <a:gd name="connsiteX5" fmla="*/ 136123 w 190277"/>
                <a:gd name="connsiteY5" fmla="*/ 14308 h 190277"/>
                <a:gd name="connsiteX6" fmla="*/ 126147 w 190277"/>
                <a:gd name="connsiteY6" fmla="*/ 20277 h 190277"/>
                <a:gd name="connsiteX7" fmla="*/ 123325 w 190277"/>
                <a:gd name="connsiteY7" fmla="*/ 9012 h 190277"/>
                <a:gd name="connsiteX8" fmla="*/ 111793 w 190277"/>
                <a:gd name="connsiteY8" fmla="*/ 0 h 190277"/>
                <a:gd name="connsiteX9" fmla="*/ 78485 w 190277"/>
                <a:gd name="connsiteY9" fmla="*/ 0 h 190277"/>
                <a:gd name="connsiteX10" fmla="*/ 66952 w 190277"/>
                <a:gd name="connsiteY10" fmla="*/ 9012 h 190277"/>
                <a:gd name="connsiteX11" fmla="*/ 64130 w 190277"/>
                <a:gd name="connsiteY11" fmla="*/ 20277 h 190277"/>
                <a:gd name="connsiteX12" fmla="*/ 54154 w 190277"/>
                <a:gd name="connsiteY12" fmla="*/ 14308 h 190277"/>
                <a:gd name="connsiteX13" fmla="*/ 39637 w 190277"/>
                <a:gd name="connsiteY13" fmla="*/ 16096 h 190277"/>
                <a:gd name="connsiteX14" fmla="*/ 16096 w 190277"/>
                <a:gd name="connsiteY14" fmla="*/ 39637 h 190277"/>
                <a:gd name="connsiteX15" fmla="*/ 14308 w 190277"/>
                <a:gd name="connsiteY15" fmla="*/ 54154 h 190277"/>
                <a:gd name="connsiteX16" fmla="*/ 20277 w 190277"/>
                <a:gd name="connsiteY16" fmla="*/ 64130 h 190277"/>
                <a:gd name="connsiteX17" fmla="*/ 9012 w 190277"/>
                <a:gd name="connsiteY17" fmla="*/ 66952 h 190277"/>
                <a:gd name="connsiteX18" fmla="*/ 0 w 190277"/>
                <a:gd name="connsiteY18" fmla="*/ 78485 h 190277"/>
                <a:gd name="connsiteX19" fmla="*/ 0 w 190277"/>
                <a:gd name="connsiteY19" fmla="*/ 111793 h 190277"/>
                <a:gd name="connsiteX20" fmla="*/ 9012 w 190277"/>
                <a:gd name="connsiteY20" fmla="*/ 123325 h 190277"/>
                <a:gd name="connsiteX21" fmla="*/ 20277 w 190277"/>
                <a:gd name="connsiteY21" fmla="*/ 126147 h 190277"/>
                <a:gd name="connsiteX22" fmla="*/ 14308 w 190277"/>
                <a:gd name="connsiteY22" fmla="*/ 136123 h 190277"/>
                <a:gd name="connsiteX23" fmla="*/ 16096 w 190277"/>
                <a:gd name="connsiteY23" fmla="*/ 150640 h 190277"/>
                <a:gd name="connsiteX24" fmla="*/ 39637 w 190277"/>
                <a:gd name="connsiteY24" fmla="*/ 174182 h 190277"/>
                <a:gd name="connsiteX25" fmla="*/ 54154 w 190277"/>
                <a:gd name="connsiteY25" fmla="*/ 175970 h 190277"/>
                <a:gd name="connsiteX26" fmla="*/ 64130 w 190277"/>
                <a:gd name="connsiteY26" fmla="*/ 170001 h 190277"/>
                <a:gd name="connsiteX27" fmla="*/ 66952 w 190277"/>
                <a:gd name="connsiteY27" fmla="*/ 181266 h 190277"/>
                <a:gd name="connsiteX28" fmla="*/ 78485 w 190277"/>
                <a:gd name="connsiteY28" fmla="*/ 190277 h 190277"/>
                <a:gd name="connsiteX29" fmla="*/ 111793 w 190277"/>
                <a:gd name="connsiteY29" fmla="*/ 190277 h 190277"/>
                <a:gd name="connsiteX30" fmla="*/ 123325 w 190277"/>
                <a:gd name="connsiteY30" fmla="*/ 181266 h 190277"/>
                <a:gd name="connsiteX31" fmla="*/ 126147 w 190277"/>
                <a:gd name="connsiteY31" fmla="*/ 170001 h 190277"/>
                <a:gd name="connsiteX32" fmla="*/ 136123 w 190277"/>
                <a:gd name="connsiteY32" fmla="*/ 175970 h 190277"/>
                <a:gd name="connsiteX33" fmla="*/ 150640 w 190277"/>
                <a:gd name="connsiteY33" fmla="*/ 174182 h 190277"/>
                <a:gd name="connsiteX34" fmla="*/ 174181 w 190277"/>
                <a:gd name="connsiteY34" fmla="*/ 150640 h 190277"/>
                <a:gd name="connsiteX35" fmla="*/ 175970 w 190277"/>
                <a:gd name="connsiteY35" fmla="*/ 136123 h 190277"/>
                <a:gd name="connsiteX36" fmla="*/ 170001 w 190277"/>
                <a:gd name="connsiteY36" fmla="*/ 126147 h 190277"/>
                <a:gd name="connsiteX37" fmla="*/ 181266 w 190277"/>
                <a:gd name="connsiteY37" fmla="*/ 123325 h 190277"/>
                <a:gd name="connsiteX38" fmla="*/ 190277 w 190277"/>
                <a:gd name="connsiteY38" fmla="*/ 111793 h 190277"/>
                <a:gd name="connsiteX39" fmla="*/ 190277 w 190277"/>
                <a:gd name="connsiteY39" fmla="*/ 78485 h 190277"/>
                <a:gd name="connsiteX40" fmla="*/ 181266 w 190277"/>
                <a:gd name="connsiteY40" fmla="*/ 66952 h 190277"/>
                <a:gd name="connsiteX41" fmla="*/ 95139 w 190277"/>
                <a:gd name="connsiteY41" fmla="*/ 130815 h 190277"/>
                <a:gd name="connsiteX42" fmla="*/ 59462 w 190277"/>
                <a:gd name="connsiteY42" fmla="*/ 95138 h 190277"/>
                <a:gd name="connsiteX43" fmla="*/ 95139 w 190277"/>
                <a:gd name="connsiteY43" fmla="*/ 59461 h 190277"/>
                <a:gd name="connsiteX44" fmla="*/ 130816 w 190277"/>
                <a:gd name="connsiteY44" fmla="*/ 95138 h 190277"/>
                <a:gd name="connsiteX45" fmla="*/ 95139 w 190277"/>
                <a:gd name="connsiteY45" fmla="*/ 130815 h 1902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190277" h="190277">
                  <a:moveTo>
                    <a:pt x="181266" y="66952"/>
                  </a:moveTo>
                  <a:lnTo>
                    <a:pt x="170001" y="64130"/>
                  </a:lnTo>
                  <a:lnTo>
                    <a:pt x="175970" y="54154"/>
                  </a:lnTo>
                  <a:cubicBezTo>
                    <a:pt x="178780" y="49485"/>
                    <a:pt x="178037" y="43492"/>
                    <a:pt x="174181" y="39637"/>
                  </a:cubicBezTo>
                  <a:lnTo>
                    <a:pt x="150640" y="16096"/>
                  </a:lnTo>
                  <a:cubicBezTo>
                    <a:pt x="146785" y="12228"/>
                    <a:pt x="140792" y="11508"/>
                    <a:pt x="136123" y="14308"/>
                  </a:cubicBezTo>
                  <a:lnTo>
                    <a:pt x="126147" y="20277"/>
                  </a:lnTo>
                  <a:lnTo>
                    <a:pt x="123325" y="9012"/>
                  </a:lnTo>
                  <a:cubicBezTo>
                    <a:pt x="122013" y="3716"/>
                    <a:pt x="117251" y="0"/>
                    <a:pt x="111793" y="0"/>
                  </a:cubicBezTo>
                  <a:lnTo>
                    <a:pt x="78485" y="0"/>
                  </a:lnTo>
                  <a:cubicBezTo>
                    <a:pt x="73026" y="0"/>
                    <a:pt x="68264" y="3716"/>
                    <a:pt x="66952" y="9012"/>
                  </a:cubicBezTo>
                  <a:lnTo>
                    <a:pt x="64130" y="20277"/>
                  </a:lnTo>
                  <a:lnTo>
                    <a:pt x="54154" y="14308"/>
                  </a:lnTo>
                  <a:cubicBezTo>
                    <a:pt x="49497" y="11520"/>
                    <a:pt x="43505" y="12241"/>
                    <a:pt x="39637" y="16096"/>
                  </a:cubicBezTo>
                  <a:lnTo>
                    <a:pt x="16096" y="39637"/>
                  </a:lnTo>
                  <a:cubicBezTo>
                    <a:pt x="12241" y="43492"/>
                    <a:pt x="11497" y="49485"/>
                    <a:pt x="14308" y="54154"/>
                  </a:cubicBezTo>
                  <a:lnTo>
                    <a:pt x="20277" y="64130"/>
                  </a:lnTo>
                  <a:lnTo>
                    <a:pt x="9012" y="66952"/>
                  </a:lnTo>
                  <a:cubicBezTo>
                    <a:pt x="3716" y="68264"/>
                    <a:pt x="0" y="73026"/>
                    <a:pt x="0" y="78485"/>
                  </a:cubicBezTo>
                  <a:lnTo>
                    <a:pt x="0" y="111793"/>
                  </a:lnTo>
                  <a:cubicBezTo>
                    <a:pt x="0" y="117251"/>
                    <a:pt x="3716" y="122013"/>
                    <a:pt x="9012" y="123325"/>
                  </a:cubicBezTo>
                  <a:lnTo>
                    <a:pt x="20277" y="126147"/>
                  </a:lnTo>
                  <a:lnTo>
                    <a:pt x="14308" y="136123"/>
                  </a:lnTo>
                  <a:cubicBezTo>
                    <a:pt x="11497" y="140792"/>
                    <a:pt x="12241" y="146785"/>
                    <a:pt x="16096" y="150640"/>
                  </a:cubicBezTo>
                  <a:lnTo>
                    <a:pt x="39637" y="174182"/>
                  </a:lnTo>
                  <a:cubicBezTo>
                    <a:pt x="43492" y="178026"/>
                    <a:pt x="49474" y="178769"/>
                    <a:pt x="54154" y="175970"/>
                  </a:cubicBezTo>
                  <a:lnTo>
                    <a:pt x="64130" y="170001"/>
                  </a:lnTo>
                  <a:lnTo>
                    <a:pt x="66952" y="181266"/>
                  </a:lnTo>
                  <a:cubicBezTo>
                    <a:pt x="68264" y="186561"/>
                    <a:pt x="73026" y="190277"/>
                    <a:pt x="78485" y="190277"/>
                  </a:cubicBezTo>
                  <a:lnTo>
                    <a:pt x="111793" y="190277"/>
                  </a:lnTo>
                  <a:cubicBezTo>
                    <a:pt x="117251" y="190277"/>
                    <a:pt x="122013" y="186561"/>
                    <a:pt x="123325" y="181266"/>
                  </a:cubicBezTo>
                  <a:lnTo>
                    <a:pt x="126147" y="170001"/>
                  </a:lnTo>
                  <a:lnTo>
                    <a:pt x="136123" y="175970"/>
                  </a:lnTo>
                  <a:cubicBezTo>
                    <a:pt x="140780" y="178757"/>
                    <a:pt x="146796" y="178037"/>
                    <a:pt x="150640" y="174182"/>
                  </a:cubicBezTo>
                  <a:lnTo>
                    <a:pt x="174181" y="150640"/>
                  </a:lnTo>
                  <a:cubicBezTo>
                    <a:pt x="178037" y="146785"/>
                    <a:pt x="178780" y="140792"/>
                    <a:pt x="175970" y="136123"/>
                  </a:cubicBezTo>
                  <a:lnTo>
                    <a:pt x="170001" y="126147"/>
                  </a:lnTo>
                  <a:lnTo>
                    <a:pt x="181266" y="123325"/>
                  </a:lnTo>
                  <a:cubicBezTo>
                    <a:pt x="186561" y="122013"/>
                    <a:pt x="190277" y="117251"/>
                    <a:pt x="190277" y="111793"/>
                  </a:cubicBezTo>
                  <a:lnTo>
                    <a:pt x="190277" y="78485"/>
                  </a:lnTo>
                  <a:cubicBezTo>
                    <a:pt x="190277" y="73026"/>
                    <a:pt x="186561" y="68264"/>
                    <a:pt x="181266" y="66952"/>
                  </a:cubicBezTo>
                  <a:close/>
                  <a:moveTo>
                    <a:pt x="95139" y="130815"/>
                  </a:moveTo>
                  <a:cubicBezTo>
                    <a:pt x="75466" y="130815"/>
                    <a:pt x="59462" y="114812"/>
                    <a:pt x="59462" y="95138"/>
                  </a:cubicBezTo>
                  <a:cubicBezTo>
                    <a:pt x="59462" y="75465"/>
                    <a:pt x="75466" y="59461"/>
                    <a:pt x="95139" y="59461"/>
                  </a:cubicBezTo>
                  <a:cubicBezTo>
                    <a:pt x="114813" y="59461"/>
                    <a:pt x="130816" y="75465"/>
                    <a:pt x="130816" y="95138"/>
                  </a:cubicBezTo>
                  <a:cubicBezTo>
                    <a:pt x="130816" y="114812"/>
                    <a:pt x="114813" y="130815"/>
                    <a:pt x="95139" y="130815"/>
                  </a:cubicBezTo>
                  <a:close/>
                </a:path>
              </a:pathLst>
            </a:custGeom>
            <a:grpFill/>
            <a:ln w="1098" cap="flat">
              <a:noFill/>
              <a:prstDash val="solid"/>
              <a:miter/>
            </a:ln>
          </p:spPr>
          <p:txBody>
            <a:bodyPr rtlCol="0" anchor="ctr"/>
            <a:lstStyle/>
            <a:p>
              <a:endParaRPr lang="es-MX"/>
            </a:p>
          </p:txBody>
        </p:sp>
        <p:sp>
          <p:nvSpPr>
            <p:cNvPr id="1051" name="Forma libre 251">
              <a:extLst>
                <a:ext uri="{FF2B5EF4-FFF2-40B4-BE49-F238E27FC236}">
                  <a16:creationId xmlns:a16="http://schemas.microsoft.com/office/drawing/2014/main" id="{A38426B7-08B4-57EA-9B0A-D5A19BA84430}"/>
                </a:ext>
              </a:extLst>
            </p:cNvPr>
            <p:cNvSpPr/>
            <p:nvPr/>
          </p:nvSpPr>
          <p:spPr>
            <a:xfrm>
              <a:off x="8670591" y="4542449"/>
              <a:ext cx="190277" cy="23784"/>
            </a:xfrm>
            <a:custGeom>
              <a:avLst/>
              <a:gdLst>
                <a:gd name="connsiteX0" fmla="*/ 178385 w 190277"/>
                <a:gd name="connsiteY0" fmla="*/ 0 h 23784"/>
                <a:gd name="connsiteX1" fmla="*/ 11893 w 190277"/>
                <a:gd name="connsiteY1" fmla="*/ 0 h 23784"/>
                <a:gd name="connsiteX2" fmla="*/ 0 w 190277"/>
                <a:gd name="connsiteY2" fmla="*/ 11893 h 23784"/>
                <a:gd name="connsiteX3" fmla="*/ 11893 w 190277"/>
                <a:gd name="connsiteY3" fmla="*/ 23784 h 23784"/>
                <a:gd name="connsiteX4" fmla="*/ 178385 w 190277"/>
                <a:gd name="connsiteY4" fmla="*/ 23784 h 23784"/>
                <a:gd name="connsiteX5" fmla="*/ 190277 w 190277"/>
                <a:gd name="connsiteY5" fmla="*/ 11892 h 23784"/>
                <a:gd name="connsiteX6" fmla="*/ 178385 w 190277"/>
                <a:gd name="connsiteY6" fmla="*/ 0 h 237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0277" h="23784">
                  <a:moveTo>
                    <a:pt x="178385" y="0"/>
                  </a:moveTo>
                  <a:lnTo>
                    <a:pt x="11893" y="0"/>
                  </a:lnTo>
                  <a:cubicBezTo>
                    <a:pt x="5319" y="0"/>
                    <a:pt x="0" y="5319"/>
                    <a:pt x="0" y="11893"/>
                  </a:cubicBezTo>
                  <a:cubicBezTo>
                    <a:pt x="0" y="18465"/>
                    <a:pt x="5319" y="23784"/>
                    <a:pt x="11893" y="23784"/>
                  </a:cubicBezTo>
                  <a:lnTo>
                    <a:pt x="178385" y="23784"/>
                  </a:lnTo>
                  <a:cubicBezTo>
                    <a:pt x="184958" y="23784"/>
                    <a:pt x="190277" y="18465"/>
                    <a:pt x="190277" y="11892"/>
                  </a:cubicBezTo>
                  <a:cubicBezTo>
                    <a:pt x="190277" y="5319"/>
                    <a:pt x="184958" y="0"/>
                    <a:pt x="178385" y="0"/>
                  </a:cubicBezTo>
                  <a:close/>
                </a:path>
              </a:pathLst>
            </a:custGeom>
            <a:grpFill/>
            <a:ln w="1098" cap="flat">
              <a:noFill/>
              <a:prstDash val="solid"/>
              <a:miter/>
            </a:ln>
          </p:spPr>
          <p:txBody>
            <a:bodyPr rtlCol="0" anchor="ctr"/>
            <a:lstStyle/>
            <a:p>
              <a:endParaRPr lang="es-MX"/>
            </a:p>
          </p:txBody>
        </p:sp>
        <p:sp>
          <p:nvSpPr>
            <p:cNvPr id="1052" name="Forma libre 252">
              <a:extLst>
                <a:ext uri="{FF2B5EF4-FFF2-40B4-BE49-F238E27FC236}">
                  <a16:creationId xmlns:a16="http://schemas.microsoft.com/office/drawing/2014/main" id="{08A3385F-8CBC-2584-7BAC-FCECB9F93240}"/>
                </a:ext>
              </a:extLst>
            </p:cNvPr>
            <p:cNvSpPr/>
            <p:nvPr/>
          </p:nvSpPr>
          <p:spPr>
            <a:xfrm>
              <a:off x="8670591" y="4590017"/>
              <a:ext cx="118923" cy="23785"/>
            </a:xfrm>
            <a:custGeom>
              <a:avLst/>
              <a:gdLst>
                <a:gd name="connsiteX0" fmla="*/ 107031 w 118923"/>
                <a:gd name="connsiteY0" fmla="*/ 0 h 23785"/>
                <a:gd name="connsiteX1" fmla="*/ 11893 w 118923"/>
                <a:gd name="connsiteY1" fmla="*/ 0 h 23785"/>
                <a:gd name="connsiteX2" fmla="*/ 0 w 118923"/>
                <a:gd name="connsiteY2" fmla="*/ 11893 h 23785"/>
                <a:gd name="connsiteX3" fmla="*/ 11893 w 118923"/>
                <a:gd name="connsiteY3" fmla="*/ 23785 h 23785"/>
                <a:gd name="connsiteX4" fmla="*/ 107031 w 118923"/>
                <a:gd name="connsiteY4" fmla="*/ 23785 h 23785"/>
                <a:gd name="connsiteX5" fmla="*/ 118924 w 118923"/>
                <a:gd name="connsiteY5" fmla="*/ 11893 h 23785"/>
                <a:gd name="connsiteX6" fmla="*/ 107031 w 118923"/>
                <a:gd name="connsiteY6" fmla="*/ 0 h 237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8923" h="23785">
                  <a:moveTo>
                    <a:pt x="107031" y="0"/>
                  </a:moveTo>
                  <a:lnTo>
                    <a:pt x="11893" y="0"/>
                  </a:lnTo>
                  <a:cubicBezTo>
                    <a:pt x="5319" y="0"/>
                    <a:pt x="0" y="5319"/>
                    <a:pt x="0" y="11893"/>
                  </a:cubicBezTo>
                  <a:cubicBezTo>
                    <a:pt x="0" y="18466"/>
                    <a:pt x="5319" y="23785"/>
                    <a:pt x="11893" y="23785"/>
                  </a:cubicBezTo>
                  <a:lnTo>
                    <a:pt x="107031" y="23785"/>
                  </a:lnTo>
                  <a:cubicBezTo>
                    <a:pt x="113604" y="23785"/>
                    <a:pt x="118924" y="18466"/>
                    <a:pt x="118924" y="11893"/>
                  </a:cubicBezTo>
                  <a:cubicBezTo>
                    <a:pt x="118924" y="5319"/>
                    <a:pt x="113604" y="0"/>
                    <a:pt x="107031" y="0"/>
                  </a:cubicBezTo>
                  <a:close/>
                </a:path>
              </a:pathLst>
            </a:custGeom>
            <a:grpFill/>
            <a:ln w="1098" cap="flat">
              <a:noFill/>
              <a:prstDash val="solid"/>
              <a:miter/>
            </a:ln>
          </p:spPr>
          <p:txBody>
            <a:bodyPr rtlCol="0" anchor="ctr"/>
            <a:lstStyle/>
            <a:p>
              <a:endParaRPr lang="es-MX"/>
            </a:p>
          </p:txBody>
        </p:sp>
        <p:sp>
          <p:nvSpPr>
            <p:cNvPr id="1053" name="Forma libre 253">
              <a:extLst>
                <a:ext uri="{FF2B5EF4-FFF2-40B4-BE49-F238E27FC236}">
                  <a16:creationId xmlns:a16="http://schemas.microsoft.com/office/drawing/2014/main" id="{FD15B318-3F5A-B795-4C62-57A5D1F34948}"/>
                </a:ext>
              </a:extLst>
            </p:cNvPr>
            <p:cNvSpPr/>
            <p:nvPr/>
          </p:nvSpPr>
          <p:spPr>
            <a:xfrm>
              <a:off x="8599238" y="4280818"/>
              <a:ext cx="570831" cy="570832"/>
            </a:xfrm>
            <a:custGeom>
              <a:avLst/>
              <a:gdLst>
                <a:gd name="connsiteX0" fmla="*/ 523261 w 570831"/>
                <a:gd name="connsiteY0" fmla="*/ 47570 h 570832"/>
                <a:gd name="connsiteX1" fmla="*/ 214062 w 570831"/>
                <a:gd name="connsiteY1" fmla="*/ 47570 h 570832"/>
                <a:gd name="connsiteX2" fmla="*/ 214062 w 570831"/>
                <a:gd name="connsiteY2" fmla="*/ 11893 h 570832"/>
                <a:gd name="connsiteX3" fmla="*/ 202169 w 570831"/>
                <a:gd name="connsiteY3" fmla="*/ 0 h 570832"/>
                <a:gd name="connsiteX4" fmla="*/ 130815 w 570831"/>
                <a:gd name="connsiteY4" fmla="*/ 0 h 570832"/>
                <a:gd name="connsiteX5" fmla="*/ 118922 w 570831"/>
                <a:gd name="connsiteY5" fmla="*/ 11893 h 570832"/>
                <a:gd name="connsiteX6" fmla="*/ 118922 w 570831"/>
                <a:gd name="connsiteY6" fmla="*/ 47570 h 570832"/>
                <a:gd name="connsiteX7" fmla="*/ 47569 w 570831"/>
                <a:gd name="connsiteY7" fmla="*/ 47570 h 570832"/>
                <a:gd name="connsiteX8" fmla="*/ 0 w 570831"/>
                <a:gd name="connsiteY8" fmla="*/ 95138 h 570832"/>
                <a:gd name="connsiteX9" fmla="*/ 0 w 570831"/>
                <a:gd name="connsiteY9" fmla="*/ 428123 h 570832"/>
                <a:gd name="connsiteX10" fmla="*/ 47570 w 570831"/>
                <a:gd name="connsiteY10" fmla="*/ 475693 h 570832"/>
                <a:gd name="connsiteX11" fmla="*/ 214115 w 570831"/>
                <a:gd name="connsiteY11" fmla="*/ 475693 h 570832"/>
                <a:gd name="connsiteX12" fmla="*/ 196386 w 570831"/>
                <a:gd name="connsiteY12" fmla="*/ 539347 h 570832"/>
                <a:gd name="connsiteX13" fmla="*/ 178385 w 570831"/>
                <a:gd name="connsiteY13" fmla="*/ 547047 h 570832"/>
                <a:gd name="connsiteX14" fmla="*/ 166492 w 570831"/>
                <a:gd name="connsiteY14" fmla="*/ 558939 h 570832"/>
                <a:gd name="connsiteX15" fmla="*/ 178385 w 570831"/>
                <a:gd name="connsiteY15" fmla="*/ 570832 h 570832"/>
                <a:gd name="connsiteX16" fmla="*/ 392446 w 570831"/>
                <a:gd name="connsiteY16" fmla="*/ 570832 h 570832"/>
                <a:gd name="connsiteX17" fmla="*/ 404339 w 570831"/>
                <a:gd name="connsiteY17" fmla="*/ 558939 h 570832"/>
                <a:gd name="connsiteX18" fmla="*/ 392446 w 570831"/>
                <a:gd name="connsiteY18" fmla="*/ 547047 h 570832"/>
                <a:gd name="connsiteX19" fmla="*/ 374468 w 570831"/>
                <a:gd name="connsiteY19" fmla="*/ 539358 h 570832"/>
                <a:gd name="connsiteX20" fmla="*/ 356730 w 570831"/>
                <a:gd name="connsiteY20" fmla="*/ 475693 h 570832"/>
                <a:gd name="connsiteX21" fmla="*/ 523263 w 570831"/>
                <a:gd name="connsiteY21" fmla="*/ 475693 h 570832"/>
                <a:gd name="connsiteX22" fmla="*/ 570831 w 570831"/>
                <a:gd name="connsiteY22" fmla="*/ 428123 h 570832"/>
                <a:gd name="connsiteX23" fmla="*/ 570831 w 570831"/>
                <a:gd name="connsiteY23" fmla="*/ 95138 h 570832"/>
                <a:gd name="connsiteX24" fmla="*/ 523261 w 570831"/>
                <a:gd name="connsiteY24" fmla="*/ 47570 h 570832"/>
                <a:gd name="connsiteX25" fmla="*/ 285416 w 570831"/>
                <a:gd name="connsiteY25" fmla="*/ 451978 h 570832"/>
                <a:gd name="connsiteX26" fmla="*/ 261561 w 570831"/>
                <a:gd name="connsiteY26" fmla="*/ 428123 h 570832"/>
                <a:gd name="connsiteX27" fmla="*/ 285416 w 570831"/>
                <a:gd name="connsiteY27" fmla="*/ 404269 h 570832"/>
                <a:gd name="connsiteX28" fmla="*/ 309270 w 570831"/>
                <a:gd name="connsiteY28" fmla="*/ 428123 h 570832"/>
                <a:gd name="connsiteX29" fmla="*/ 285416 w 570831"/>
                <a:gd name="connsiteY29" fmla="*/ 451978 h 570832"/>
                <a:gd name="connsiteX30" fmla="*/ 47570 w 570831"/>
                <a:gd name="connsiteY30" fmla="*/ 380554 h 570832"/>
                <a:gd name="connsiteX31" fmla="*/ 47570 w 570831"/>
                <a:gd name="connsiteY31" fmla="*/ 95138 h 570832"/>
                <a:gd name="connsiteX32" fmla="*/ 118924 w 570831"/>
                <a:gd name="connsiteY32" fmla="*/ 95138 h 570832"/>
                <a:gd name="connsiteX33" fmla="*/ 118924 w 570831"/>
                <a:gd name="connsiteY33" fmla="*/ 118922 h 570832"/>
                <a:gd name="connsiteX34" fmla="*/ 95138 w 570831"/>
                <a:gd name="connsiteY34" fmla="*/ 118922 h 570832"/>
                <a:gd name="connsiteX35" fmla="*/ 84500 w 570831"/>
                <a:gd name="connsiteY35" fmla="*/ 125496 h 570832"/>
                <a:gd name="connsiteX36" fmla="*/ 85626 w 570831"/>
                <a:gd name="connsiteY36" fmla="*/ 137946 h 570832"/>
                <a:gd name="connsiteX37" fmla="*/ 156980 w 570831"/>
                <a:gd name="connsiteY37" fmla="*/ 233084 h 570832"/>
                <a:gd name="connsiteX38" fmla="*/ 166491 w 570831"/>
                <a:gd name="connsiteY38" fmla="*/ 237846 h 570832"/>
                <a:gd name="connsiteX39" fmla="*/ 176002 w 570831"/>
                <a:gd name="connsiteY39" fmla="*/ 233084 h 570832"/>
                <a:gd name="connsiteX40" fmla="*/ 247356 w 570831"/>
                <a:gd name="connsiteY40" fmla="*/ 137946 h 570832"/>
                <a:gd name="connsiteX41" fmla="*/ 248482 w 570831"/>
                <a:gd name="connsiteY41" fmla="*/ 125496 h 570832"/>
                <a:gd name="connsiteX42" fmla="*/ 237844 w 570831"/>
                <a:gd name="connsiteY42" fmla="*/ 118922 h 570832"/>
                <a:gd name="connsiteX43" fmla="*/ 214062 w 570831"/>
                <a:gd name="connsiteY43" fmla="*/ 118922 h 570832"/>
                <a:gd name="connsiteX44" fmla="*/ 214062 w 570831"/>
                <a:gd name="connsiteY44" fmla="*/ 95138 h 570832"/>
                <a:gd name="connsiteX45" fmla="*/ 523261 w 570831"/>
                <a:gd name="connsiteY45" fmla="*/ 95138 h 570832"/>
                <a:gd name="connsiteX46" fmla="*/ 523281 w 570831"/>
                <a:gd name="connsiteY46" fmla="*/ 380554 h 570832"/>
                <a:gd name="connsiteX47" fmla="*/ 47570 w 570831"/>
                <a:gd name="connsiteY47" fmla="*/ 380554 h 570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570831" h="570832">
                  <a:moveTo>
                    <a:pt x="523261" y="47570"/>
                  </a:moveTo>
                  <a:lnTo>
                    <a:pt x="214062" y="47570"/>
                  </a:lnTo>
                  <a:lnTo>
                    <a:pt x="214062" y="11893"/>
                  </a:lnTo>
                  <a:cubicBezTo>
                    <a:pt x="214062" y="5319"/>
                    <a:pt x="208742" y="0"/>
                    <a:pt x="202169" y="0"/>
                  </a:cubicBezTo>
                  <a:lnTo>
                    <a:pt x="130815" y="0"/>
                  </a:lnTo>
                  <a:cubicBezTo>
                    <a:pt x="124242" y="0"/>
                    <a:pt x="118922" y="5319"/>
                    <a:pt x="118922" y="11893"/>
                  </a:cubicBezTo>
                  <a:lnTo>
                    <a:pt x="118922" y="47570"/>
                  </a:lnTo>
                  <a:lnTo>
                    <a:pt x="47569" y="47570"/>
                  </a:lnTo>
                  <a:cubicBezTo>
                    <a:pt x="21346" y="47570"/>
                    <a:pt x="0" y="68903"/>
                    <a:pt x="0" y="95138"/>
                  </a:cubicBezTo>
                  <a:lnTo>
                    <a:pt x="0" y="428123"/>
                  </a:lnTo>
                  <a:cubicBezTo>
                    <a:pt x="0" y="454358"/>
                    <a:pt x="21346" y="475693"/>
                    <a:pt x="47570" y="475693"/>
                  </a:cubicBezTo>
                  <a:lnTo>
                    <a:pt x="214115" y="475693"/>
                  </a:lnTo>
                  <a:cubicBezTo>
                    <a:pt x="213616" y="494666"/>
                    <a:pt x="209992" y="525016"/>
                    <a:pt x="196386" y="539347"/>
                  </a:cubicBezTo>
                  <a:cubicBezTo>
                    <a:pt x="191392" y="544596"/>
                    <a:pt x="185678" y="547047"/>
                    <a:pt x="178385" y="547047"/>
                  </a:cubicBezTo>
                  <a:cubicBezTo>
                    <a:pt x="171811" y="547047"/>
                    <a:pt x="166492" y="552366"/>
                    <a:pt x="166492" y="558939"/>
                  </a:cubicBezTo>
                  <a:cubicBezTo>
                    <a:pt x="166492" y="565513"/>
                    <a:pt x="171811" y="570832"/>
                    <a:pt x="178385" y="570832"/>
                  </a:cubicBezTo>
                  <a:lnTo>
                    <a:pt x="392446" y="570832"/>
                  </a:lnTo>
                  <a:cubicBezTo>
                    <a:pt x="399020" y="570832"/>
                    <a:pt x="404339" y="565513"/>
                    <a:pt x="404339" y="558939"/>
                  </a:cubicBezTo>
                  <a:cubicBezTo>
                    <a:pt x="404339" y="552366"/>
                    <a:pt x="399020" y="547047"/>
                    <a:pt x="392446" y="547047"/>
                  </a:cubicBezTo>
                  <a:cubicBezTo>
                    <a:pt x="385153" y="547047"/>
                    <a:pt x="379439" y="544607"/>
                    <a:pt x="374468" y="539358"/>
                  </a:cubicBezTo>
                  <a:cubicBezTo>
                    <a:pt x="360896" y="525099"/>
                    <a:pt x="357249" y="494705"/>
                    <a:pt x="356730" y="475693"/>
                  </a:cubicBezTo>
                  <a:lnTo>
                    <a:pt x="523263" y="475693"/>
                  </a:lnTo>
                  <a:cubicBezTo>
                    <a:pt x="549485" y="475693"/>
                    <a:pt x="570831" y="454358"/>
                    <a:pt x="570831" y="428123"/>
                  </a:cubicBezTo>
                  <a:lnTo>
                    <a:pt x="570831" y="95138"/>
                  </a:lnTo>
                  <a:cubicBezTo>
                    <a:pt x="570831" y="68903"/>
                    <a:pt x="549485" y="47570"/>
                    <a:pt x="523261" y="47570"/>
                  </a:cubicBezTo>
                  <a:close/>
                  <a:moveTo>
                    <a:pt x="285416" y="451978"/>
                  </a:moveTo>
                  <a:cubicBezTo>
                    <a:pt x="272269" y="451978"/>
                    <a:pt x="261561" y="441270"/>
                    <a:pt x="261561" y="428123"/>
                  </a:cubicBezTo>
                  <a:cubicBezTo>
                    <a:pt x="261561" y="414976"/>
                    <a:pt x="272269" y="404269"/>
                    <a:pt x="285416" y="404269"/>
                  </a:cubicBezTo>
                  <a:cubicBezTo>
                    <a:pt x="298562" y="404269"/>
                    <a:pt x="309270" y="414976"/>
                    <a:pt x="309270" y="428123"/>
                  </a:cubicBezTo>
                  <a:cubicBezTo>
                    <a:pt x="309270" y="441270"/>
                    <a:pt x="298562" y="451978"/>
                    <a:pt x="285416" y="451978"/>
                  </a:cubicBezTo>
                  <a:close/>
                  <a:moveTo>
                    <a:pt x="47570" y="380554"/>
                  </a:moveTo>
                  <a:lnTo>
                    <a:pt x="47570" y="95138"/>
                  </a:lnTo>
                  <a:lnTo>
                    <a:pt x="118924" y="95138"/>
                  </a:lnTo>
                  <a:lnTo>
                    <a:pt x="118924" y="118922"/>
                  </a:lnTo>
                  <a:lnTo>
                    <a:pt x="95138" y="118922"/>
                  </a:lnTo>
                  <a:cubicBezTo>
                    <a:pt x="90632" y="118922"/>
                    <a:pt x="86521" y="121465"/>
                    <a:pt x="84500" y="125496"/>
                  </a:cubicBezTo>
                  <a:cubicBezTo>
                    <a:pt x="82491" y="129526"/>
                    <a:pt x="82920" y="134346"/>
                    <a:pt x="85626" y="137946"/>
                  </a:cubicBezTo>
                  <a:lnTo>
                    <a:pt x="156980" y="233084"/>
                  </a:lnTo>
                  <a:cubicBezTo>
                    <a:pt x="159221" y="236081"/>
                    <a:pt x="162752" y="237846"/>
                    <a:pt x="166491" y="237846"/>
                  </a:cubicBezTo>
                  <a:cubicBezTo>
                    <a:pt x="170230" y="237846"/>
                    <a:pt x="173761" y="236081"/>
                    <a:pt x="176002" y="233084"/>
                  </a:cubicBezTo>
                  <a:lnTo>
                    <a:pt x="247356" y="137946"/>
                  </a:lnTo>
                  <a:cubicBezTo>
                    <a:pt x="250062" y="134346"/>
                    <a:pt x="250492" y="129526"/>
                    <a:pt x="248482" y="125496"/>
                  </a:cubicBezTo>
                  <a:cubicBezTo>
                    <a:pt x="246461" y="121465"/>
                    <a:pt x="242350" y="118922"/>
                    <a:pt x="237844" y="118922"/>
                  </a:cubicBezTo>
                  <a:lnTo>
                    <a:pt x="214062" y="118922"/>
                  </a:lnTo>
                  <a:lnTo>
                    <a:pt x="214062" y="95138"/>
                  </a:lnTo>
                  <a:lnTo>
                    <a:pt x="523261" y="95138"/>
                  </a:lnTo>
                  <a:lnTo>
                    <a:pt x="523281" y="380554"/>
                  </a:lnTo>
                  <a:lnTo>
                    <a:pt x="47570" y="380554"/>
                  </a:lnTo>
                  <a:close/>
                </a:path>
              </a:pathLst>
            </a:custGeom>
            <a:grpFill/>
            <a:ln w="1098" cap="flat">
              <a:noFill/>
              <a:prstDash val="solid"/>
              <a:miter/>
            </a:ln>
          </p:spPr>
          <p:txBody>
            <a:bodyPr rtlCol="0" anchor="ctr"/>
            <a:lstStyle/>
            <a:p>
              <a:endParaRPr lang="es-MX"/>
            </a:p>
          </p:txBody>
        </p:sp>
      </p:grpSp>
    </p:spTree>
    <p:extLst>
      <p:ext uri="{BB962C8B-B14F-4D97-AF65-F5344CB8AC3E}">
        <p14:creationId xmlns:p14="http://schemas.microsoft.com/office/powerpoint/2010/main" val="119435335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AB2F36FB-C2C7-8287-D709-FCBB3C038231}"/>
              </a:ext>
            </a:extLst>
          </p:cNvPr>
          <p:cNvSpPr>
            <a:spLocks noGrp="1"/>
          </p:cNvSpPr>
          <p:nvPr>
            <p:ph sz="half" idx="1"/>
          </p:nvPr>
        </p:nvSpPr>
        <p:spPr>
          <a:xfrm>
            <a:off x="431999" y="1061999"/>
            <a:ext cx="5311085" cy="5038764"/>
          </a:xfrm>
        </p:spPr>
        <p:txBody>
          <a:bodyPr>
            <a:normAutofit/>
          </a:bodyPr>
          <a:lstStyle/>
          <a:p>
            <a:pPr>
              <a:spcAft>
                <a:spcPts val="800"/>
              </a:spcAft>
            </a:pPr>
            <a:r>
              <a:rPr lang="en-US" kern="100" dirty="0">
                <a:effectLst/>
              </a:rPr>
              <a:t>Before deploying Power BI reports, ensure the following prerequisites are met:</a:t>
            </a:r>
            <a:endParaRPr lang="en-GB" kern="100" dirty="0">
              <a:effectLst/>
            </a:endParaRPr>
          </a:p>
          <a:p>
            <a:pPr marL="342900" lvl="0" indent="-342900">
              <a:spcAft>
                <a:spcPts val="800"/>
              </a:spcAft>
              <a:buSzPts val="1000"/>
              <a:buFont typeface="Symbol" panose="05050102010706020507" pitchFamily="18" charset="2"/>
              <a:buChar char=""/>
              <a:tabLst>
                <a:tab pos="457200" algn="l"/>
              </a:tabLst>
            </a:pPr>
            <a:r>
              <a:rPr lang="en-US" b="1" kern="100" dirty="0">
                <a:effectLst/>
              </a:rPr>
              <a:t>Power BI Service Premium or Premium Per User (PPU)</a:t>
            </a:r>
            <a:r>
              <a:rPr lang="en-US" kern="100" dirty="0">
                <a:effectLst/>
              </a:rPr>
              <a:t> license is required for using deployment pipelines.</a:t>
            </a:r>
            <a:endParaRPr lang="en-GB" kern="100" dirty="0">
              <a:effectLst/>
            </a:endParaRPr>
          </a:p>
          <a:p>
            <a:pPr marL="342900" lvl="0" indent="-342900">
              <a:spcAft>
                <a:spcPts val="800"/>
              </a:spcAft>
              <a:buSzPts val="1000"/>
              <a:buFont typeface="Symbol" panose="05050102010706020507" pitchFamily="18" charset="2"/>
              <a:buChar char=""/>
              <a:tabLst>
                <a:tab pos="457200" algn="l"/>
              </a:tabLst>
            </a:pPr>
            <a:r>
              <a:rPr lang="en-US" b="1" kern="100" dirty="0">
                <a:effectLst/>
              </a:rPr>
              <a:t>Power BI Workspace</a:t>
            </a:r>
            <a:r>
              <a:rPr lang="en-US" kern="100" dirty="0">
                <a:effectLst/>
              </a:rPr>
              <a:t> for each environment:</a:t>
            </a:r>
            <a:endParaRPr lang="en-GB" kern="100" dirty="0">
              <a:effectLst/>
            </a:endParaRPr>
          </a:p>
          <a:p>
            <a:pPr marL="742950" lvl="1" indent="-285750">
              <a:spcAft>
                <a:spcPts val="800"/>
              </a:spcAft>
              <a:buSzPts val="1000"/>
              <a:buFont typeface="Courier New" panose="02070309020205020404" pitchFamily="49" charset="0"/>
              <a:buChar char="o"/>
              <a:tabLst>
                <a:tab pos="914400" algn="l"/>
              </a:tabLst>
            </a:pPr>
            <a:r>
              <a:rPr lang="en-US" kern="100" dirty="0">
                <a:effectLst/>
              </a:rPr>
              <a:t>Development</a:t>
            </a:r>
            <a:endParaRPr lang="en-GB" kern="100" dirty="0">
              <a:effectLst/>
            </a:endParaRPr>
          </a:p>
          <a:p>
            <a:pPr marL="742950" lvl="1" indent="-285750">
              <a:spcAft>
                <a:spcPts val="800"/>
              </a:spcAft>
              <a:buSzPts val="1000"/>
              <a:buFont typeface="Courier New" panose="02070309020205020404" pitchFamily="49" charset="0"/>
              <a:buChar char="o"/>
              <a:tabLst>
                <a:tab pos="914400" algn="l"/>
              </a:tabLst>
            </a:pPr>
            <a:r>
              <a:rPr lang="en-US" kern="100" dirty="0">
                <a:effectLst/>
              </a:rPr>
              <a:t>Test (Staging)</a:t>
            </a:r>
            <a:endParaRPr lang="en-GB" kern="100" dirty="0">
              <a:effectLst/>
            </a:endParaRPr>
          </a:p>
          <a:p>
            <a:pPr marL="742950" lvl="1" indent="-285750">
              <a:spcAft>
                <a:spcPts val="800"/>
              </a:spcAft>
              <a:buSzPts val="1000"/>
              <a:buFont typeface="Courier New" panose="02070309020205020404" pitchFamily="49" charset="0"/>
              <a:buChar char="o"/>
              <a:tabLst>
                <a:tab pos="914400" algn="l"/>
              </a:tabLst>
            </a:pPr>
            <a:r>
              <a:rPr lang="en-US" kern="100" dirty="0">
                <a:effectLst/>
              </a:rPr>
              <a:t>Production</a:t>
            </a:r>
            <a:endParaRPr lang="en-GB" kern="100" dirty="0">
              <a:effectLst/>
            </a:endParaRPr>
          </a:p>
          <a:p>
            <a:pPr marL="342900" lvl="0" indent="-342900">
              <a:spcAft>
                <a:spcPts val="800"/>
              </a:spcAft>
              <a:buSzPts val="1000"/>
              <a:buFont typeface="Symbol" panose="05050102010706020507" pitchFamily="18" charset="2"/>
              <a:buChar char=""/>
              <a:tabLst>
                <a:tab pos="457200" algn="l"/>
              </a:tabLst>
            </a:pPr>
            <a:r>
              <a:rPr lang="en-US" kern="100" dirty="0">
                <a:effectLst/>
              </a:rPr>
              <a:t>The user performing the deployment must have </a:t>
            </a:r>
            <a:r>
              <a:rPr lang="en-US" b="1" kern="100" dirty="0">
                <a:effectLst/>
              </a:rPr>
              <a:t>Admin</a:t>
            </a:r>
            <a:r>
              <a:rPr lang="en-US" kern="100" dirty="0">
                <a:effectLst/>
              </a:rPr>
              <a:t> or </a:t>
            </a:r>
            <a:r>
              <a:rPr lang="en-US" b="1" kern="100" dirty="0">
                <a:effectLst/>
              </a:rPr>
              <a:t>Member</a:t>
            </a:r>
            <a:r>
              <a:rPr lang="en-US" kern="100" dirty="0">
                <a:effectLst/>
              </a:rPr>
              <a:t> permissions in the workspaces.</a:t>
            </a:r>
            <a:endParaRPr lang="en-GB" kern="100" dirty="0">
              <a:effectLst/>
            </a:endParaRPr>
          </a:p>
          <a:p>
            <a:pPr marL="342900" lvl="0" indent="-342900">
              <a:spcAft>
                <a:spcPts val="800"/>
              </a:spcAft>
              <a:buSzPts val="1000"/>
              <a:buFont typeface="Symbol" panose="05050102010706020507" pitchFamily="18" charset="2"/>
              <a:buChar char=""/>
              <a:tabLst>
                <a:tab pos="457200" algn="l"/>
              </a:tabLst>
            </a:pPr>
            <a:r>
              <a:rPr lang="en-US" kern="100" dirty="0">
                <a:effectLst/>
              </a:rPr>
              <a:t>Reports and datasets should be prepared and published to the </a:t>
            </a:r>
            <a:r>
              <a:rPr lang="en-US" b="1" kern="100" dirty="0">
                <a:effectLst/>
              </a:rPr>
              <a:t>Development Workspace</a:t>
            </a:r>
            <a:r>
              <a:rPr lang="en-US" kern="100" dirty="0">
                <a:effectLst/>
              </a:rPr>
              <a:t>.</a:t>
            </a:r>
            <a:endParaRPr lang="en-GB" kern="100" dirty="0">
              <a:effectLst/>
            </a:endParaRPr>
          </a:p>
        </p:txBody>
      </p:sp>
      <p:pic>
        <p:nvPicPr>
          <p:cNvPr id="4" name="Picture 3" descr="A group of kitchen utensils on a table&#10;&#10;Description automatically generated">
            <a:extLst>
              <a:ext uri="{FF2B5EF4-FFF2-40B4-BE49-F238E27FC236}">
                <a16:creationId xmlns:a16="http://schemas.microsoft.com/office/drawing/2014/main" id="{A45841EC-18FC-D4D4-3F89-F7FFC89B60CF}"/>
              </a:ext>
            </a:extLst>
          </p:cNvPr>
          <p:cNvPicPr>
            <a:picLocks noChangeAspect="1"/>
          </p:cNvPicPr>
          <p:nvPr/>
        </p:nvPicPr>
        <p:blipFill>
          <a:blip r:embed="rId2"/>
          <a:srcRect l="6878" r="13907" b="1"/>
          <a:stretch/>
        </p:blipFill>
        <p:spPr>
          <a:xfrm>
            <a:off x="6438002" y="1061999"/>
            <a:ext cx="5321998" cy="5038764"/>
          </a:xfrm>
          <a:prstGeom prst="rect">
            <a:avLst/>
          </a:prstGeom>
          <a:noFill/>
        </p:spPr>
      </p:pic>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anchor="ctr">
            <a:normAutofit/>
          </a:bodyPr>
          <a:lstStyle/>
          <a:p>
            <a:pPr>
              <a:spcAft>
                <a:spcPts val="600"/>
              </a:spcAft>
            </a:pPr>
            <a:r>
              <a:rPr lang="en-GB"/>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401300" y="6312875"/>
            <a:ext cx="1358700" cy="365125"/>
          </a:xfrm>
        </p:spPr>
        <p:txBody>
          <a:bodyPr anchor="ctr">
            <a:normAutofit/>
          </a:bodyPr>
          <a:lstStyle/>
          <a:p>
            <a:pPr>
              <a:spcAft>
                <a:spcPts val="600"/>
              </a:spcAft>
            </a:pPr>
            <a:fld id="{C855AFFB-64D9-4FA4-905E-E079B4C44CCB}" type="slidenum">
              <a:rPr lang="en-GB" sz="1800" smtClean="0"/>
              <a:pPr>
                <a:spcAft>
                  <a:spcPts val="600"/>
                </a:spcAft>
              </a:pPr>
              <a:t>4</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5311084" cy="450000"/>
          </a:xfrm>
        </p:spPr>
        <p:txBody>
          <a:bodyPr anchor="t">
            <a:normAutofit/>
          </a:bodyPr>
          <a:lstStyle/>
          <a:p>
            <a:r>
              <a:rPr lang="en-GB" dirty="0"/>
              <a:t>Prerequisite</a:t>
            </a:r>
          </a:p>
        </p:txBody>
      </p:sp>
      <p:sp>
        <p:nvSpPr>
          <p:cNvPr id="2" name="AutoShape 2" descr="Sourdough Bread Making Equipment - Sourdough by the Sea - Best Sourdough  Starters, Sourdough Baking Kits &amp; Gift Sets, Bread Making Tools &amp; Equipment">
            <a:extLst>
              <a:ext uri="{FF2B5EF4-FFF2-40B4-BE49-F238E27FC236}">
                <a16:creationId xmlns:a16="http://schemas.microsoft.com/office/drawing/2014/main" id="{9E111499-2EB8-27D9-1B05-C54677E5D077}"/>
              </a:ext>
            </a:extLst>
          </p:cNvPr>
          <p:cNvSpPr>
            <a:spLocks noChangeAspect="1" noChangeArrowheads="1"/>
          </p:cNvSpPr>
          <p:nvPr/>
        </p:nvSpPr>
        <p:spPr bwMode="auto">
          <a:xfrm>
            <a:off x="5943600" y="3276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spTree>
    <p:extLst>
      <p:ext uri="{BB962C8B-B14F-4D97-AF65-F5344CB8AC3E}">
        <p14:creationId xmlns:p14="http://schemas.microsoft.com/office/powerpoint/2010/main" val="198226220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Person in workshop">
            <a:extLst>
              <a:ext uri="{FF2B5EF4-FFF2-40B4-BE49-F238E27FC236}">
                <a16:creationId xmlns:a16="http://schemas.microsoft.com/office/drawing/2014/main" id="{F7023191-E278-0630-0D47-0C9B0BF6EF59}"/>
              </a:ext>
            </a:extLst>
          </p:cNvPr>
          <p:cNvPicPr>
            <a:picLocks noChangeAspect="1"/>
          </p:cNvPicPr>
          <p:nvPr/>
        </p:nvPicPr>
        <p:blipFill>
          <a:blip r:embed="rId2">
            <a:extLst>
              <a:ext uri="{28A0092B-C50C-407E-A947-70E740481C1C}">
                <a14:useLocalDpi xmlns:a14="http://schemas.microsoft.com/office/drawing/2010/main" val="0"/>
              </a:ext>
            </a:extLst>
          </a:blip>
          <a:srcRect l="12355" r="9007" b="1"/>
          <a:stretch/>
        </p:blipFill>
        <p:spPr>
          <a:xfrm>
            <a:off x="431312" y="1427559"/>
            <a:ext cx="5324062" cy="4519200"/>
          </a:xfrm>
          <a:prstGeom prst="rect">
            <a:avLst/>
          </a:prstGeom>
          <a:noFill/>
        </p:spPr>
      </p:pic>
      <p:sp>
        <p:nvSpPr>
          <p:cNvPr id="6" name="Content Placeholder 5">
            <a:extLst>
              <a:ext uri="{FF2B5EF4-FFF2-40B4-BE49-F238E27FC236}">
                <a16:creationId xmlns:a16="http://schemas.microsoft.com/office/drawing/2014/main" id="{AB2F36FB-C2C7-8287-D709-FCBB3C038231}"/>
              </a:ext>
            </a:extLst>
          </p:cNvPr>
          <p:cNvSpPr>
            <a:spLocks noGrp="1"/>
          </p:cNvSpPr>
          <p:nvPr>
            <p:ph sz="quarter" idx="13"/>
          </p:nvPr>
        </p:nvSpPr>
        <p:spPr>
          <a:xfrm>
            <a:off x="6438001" y="1581563"/>
            <a:ext cx="5320612" cy="4519200"/>
          </a:xfrm>
        </p:spPr>
        <p:txBody>
          <a:bodyPr>
            <a:normAutofit/>
          </a:bodyPr>
          <a:lstStyle/>
          <a:p>
            <a:pPr marL="277200" indent="0">
              <a:spcAft>
                <a:spcPts val="600"/>
              </a:spcAft>
              <a:buNone/>
            </a:pPr>
            <a:r>
              <a:rPr lang="en-GB" dirty="0">
                <a:effectLst/>
              </a:rPr>
              <a:t>The development workspace is where initial report creation and ongoing modifications take place. Key aspects include:</a:t>
            </a:r>
          </a:p>
          <a:p>
            <a:pPr marL="342900" lvl="0" indent="-342900">
              <a:buFont typeface="Symbol" panose="05050102010706020507" pitchFamily="18" charset="2"/>
              <a:buChar char=""/>
            </a:pPr>
            <a:r>
              <a:rPr lang="en-GB" dirty="0">
                <a:effectLst/>
              </a:rPr>
              <a:t>Access limited to developers and administrators</a:t>
            </a:r>
          </a:p>
          <a:p>
            <a:pPr marL="342900" lvl="0" indent="-342900">
              <a:buFont typeface="Symbol" panose="05050102010706020507" pitchFamily="18" charset="2"/>
              <a:buChar char=""/>
            </a:pPr>
            <a:r>
              <a:rPr lang="en-GB" dirty="0">
                <a:effectLst/>
              </a:rPr>
              <a:t>Used for creating new content and making changes to existing reports</a:t>
            </a:r>
          </a:p>
          <a:p>
            <a:pPr marL="342900" lvl="0" indent="-342900">
              <a:buFont typeface="Symbol" panose="05050102010706020507" pitchFamily="18" charset="2"/>
              <a:buChar char=""/>
            </a:pPr>
            <a:r>
              <a:rPr lang="en-GB" dirty="0">
                <a:effectLst/>
              </a:rPr>
              <a:t>Connects to development or sample data sources</a:t>
            </a:r>
          </a:p>
          <a:p>
            <a:pPr marL="342900" lvl="0" indent="-342900">
              <a:buFont typeface="Symbol" panose="05050102010706020507" pitchFamily="18" charset="2"/>
              <a:buChar char=""/>
            </a:pPr>
            <a:r>
              <a:rPr lang="en-GB" dirty="0">
                <a:effectLst/>
              </a:rPr>
              <a:t>Allows for experimentation and frequent iterations</a:t>
            </a:r>
          </a:p>
          <a:p>
            <a:pPr marL="342900" lvl="0" indent="-342900">
              <a:spcAft>
                <a:spcPts val="600"/>
              </a:spcAft>
              <a:buFont typeface="Symbol" panose="05050102010706020507" pitchFamily="18" charset="2"/>
              <a:buChar char=""/>
            </a:pPr>
            <a:r>
              <a:rPr lang="en-GB" dirty="0">
                <a:effectLst/>
              </a:rPr>
              <a:t>Not accessible to end-users or testers</a:t>
            </a:r>
          </a:p>
        </p:txBody>
      </p:sp>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4"/>
          </p:nvPr>
        </p:nvSpPr>
        <p:spPr>
          <a:xfrm>
            <a:off x="430625" y="6312875"/>
            <a:ext cx="2198275" cy="365125"/>
          </a:xfrm>
        </p:spPr>
        <p:txBody>
          <a:bodyPr anchor="ctr">
            <a:normAutofit/>
          </a:bodyPr>
          <a:lstStyle/>
          <a:p>
            <a:pPr>
              <a:spcAft>
                <a:spcPts val="600"/>
              </a:spcAft>
            </a:pPr>
            <a:r>
              <a:rPr lang="en-GB"/>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5"/>
          </p:nvPr>
        </p:nvSpPr>
        <p:spPr>
          <a:xfrm>
            <a:off x="10401300" y="6312875"/>
            <a:ext cx="1358700" cy="365125"/>
          </a:xfrm>
        </p:spPr>
        <p:txBody>
          <a:bodyPr anchor="ctr">
            <a:normAutofit/>
          </a:bodyPr>
          <a:lstStyle/>
          <a:p>
            <a:pPr>
              <a:spcAft>
                <a:spcPts val="600"/>
              </a:spcAft>
            </a:pPr>
            <a:fld id="{C855AFFB-64D9-4FA4-905E-E079B4C44CCB}" type="slidenum">
              <a:rPr lang="en-GB" sz="1800" smtClean="0"/>
              <a:pPr>
                <a:spcAft>
                  <a:spcPts val="600"/>
                </a:spcAft>
              </a:pPr>
              <a:t>5</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5322687" cy="450000"/>
          </a:xfrm>
        </p:spPr>
        <p:txBody>
          <a:bodyPr anchor="t">
            <a:normAutofit/>
          </a:bodyPr>
          <a:lstStyle/>
          <a:p>
            <a:r>
              <a:rPr lang="en-GB" dirty="0"/>
              <a:t>Development Workspace</a:t>
            </a:r>
          </a:p>
        </p:txBody>
      </p:sp>
    </p:spTree>
    <p:extLst>
      <p:ext uri="{BB962C8B-B14F-4D97-AF65-F5344CB8AC3E}">
        <p14:creationId xmlns:p14="http://schemas.microsoft.com/office/powerpoint/2010/main" val="243717306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AB2F36FB-C2C7-8287-D709-FCBB3C038231}"/>
              </a:ext>
            </a:extLst>
          </p:cNvPr>
          <p:cNvSpPr>
            <a:spLocks noGrp="1"/>
          </p:cNvSpPr>
          <p:nvPr>
            <p:ph sz="half" idx="1"/>
          </p:nvPr>
        </p:nvSpPr>
        <p:spPr>
          <a:xfrm>
            <a:off x="431999" y="1061998"/>
            <a:ext cx="5556001" cy="5040000"/>
          </a:xfrm>
        </p:spPr>
        <p:txBody>
          <a:bodyPr>
            <a:normAutofit/>
          </a:bodyPr>
          <a:lstStyle/>
          <a:p>
            <a:pPr marL="277200" indent="0">
              <a:spcAft>
                <a:spcPts val="600"/>
              </a:spcAft>
              <a:buNone/>
            </a:pPr>
            <a:r>
              <a:rPr lang="en-GB" dirty="0">
                <a:effectLst/>
              </a:rPr>
              <a:t>The test workspace serves as an intermediary stage for quality assurance and user acceptance testing. Its characteristics include:</a:t>
            </a:r>
          </a:p>
          <a:p>
            <a:pPr marL="342900" lvl="0" indent="-342900">
              <a:buFont typeface="Symbol" panose="05050102010706020507" pitchFamily="18" charset="2"/>
              <a:buChar char=""/>
            </a:pPr>
            <a:r>
              <a:rPr lang="en-GB" dirty="0">
                <a:effectLst/>
              </a:rPr>
              <a:t>Access granted to developers, administrators, and UAT testers</a:t>
            </a:r>
          </a:p>
          <a:p>
            <a:pPr marL="342900" lvl="0" indent="-342900">
              <a:buFont typeface="Symbol" panose="05050102010706020507" pitchFamily="18" charset="2"/>
              <a:buChar char=""/>
            </a:pPr>
            <a:r>
              <a:rPr lang="en-GB" dirty="0">
                <a:effectLst/>
              </a:rPr>
              <a:t>Used for data validation and functionality testing</a:t>
            </a:r>
          </a:p>
          <a:p>
            <a:pPr marL="342900" lvl="0" indent="-342900">
              <a:buFont typeface="Symbol" panose="05050102010706020507" pitchFamily="18" charset="2"/>
              <a:buChar char=""/>
            </a:pPr>
            <a:r>
              <a:rPr lang="en-GB" dirty="0">
                <a:effectLst/>
              </a:rPr>
              <a:t>Typically connects to test or UAT data sources that mirror production data</a:t>
            </a:r>
          </a:p>
          <a:p>
            <a:pPr marL="342900" lvl="0" indent="-342900">
              <a:buFont typeface="Symbol" panose="05050102010706020507" pitchFamily="18" charset="2"/>
              <a:buChar char=""/>
            </a:pPr>
            <a:r>
              <a:rPr lang="en-GB" dirty="0">
                <a:effectLst/>
              </a:rPr>
              <a:t>Allows stakeholders to review and approve content before production release</a:t>
            </a:r>
          </a:p>
          <a:p>
            <a:pPr marL="342900" lvl="0" indent="-342900">
              <a:spcAft>
                <a:spcPts val="600"/>
              </a:spcAft>
              <a:buFont typeface="Symbol" panose="05050102010706020507" pitchFamily="18" charset="2"/>
              <a:buChar char=""/>
            </a:pPr>
            <a:r>
              <a:rPr lang="en-GB" dirty="0">
                <a:effectLst/>
              </a:rPr>
              <a:t>May have an associated app for easier access by testers</a:t>
            </a:r>
          </a:p>
          <a:p>
            <a:pPr marL="342900" lvl="0" indent="-342900">
              <a:spcAft>
                <a:spcPts val="600"/>
              </a:spcAft>
              <a:buFont typeface="Symbol" panose="05050102010706020507" pitchFamily="18" charset="2"/>
              <a:buChar char=""/>
            </a:pPr>
            <a:endParaRPr lang="en-GB" dirty="0">
              <a:effectLst/>
            </a:endParaRPr>
          </a:p>
        </p:txBody>
      </p:sp>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anchor="ctr">
            <a:normAutofit/>
          </a:bodyPr>
          <a:lstStyle/>
          <a:p>
            <a:pPr>
              <a:spcAft>
                <a:spcPts val="600"/>
              </a:spcAft>
            </a:pPr>
            <a:r>
              <a:rPr lang="en-GB"/>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401300" y="6312875"/>
            <a:ext cx="1358700" cy="365125"/>
          </a:xfrm>
        </p:spPr>
        <p:txBody>
          <a:bodyPr anchor="ctr">
            <a:normAutofit/>
          </a:bodyPr>
          <a:lstStyle/>
          <a:p>
            <a:pPr>
              <a:spcAft>
                <a:spcPts val="600"/>
              </a:spcAft>
            </a:pPr>
            <a:fld id="{C855AFFB-64D9-4FA4-905E-E079B4C44CCB}" type="slidenum">
              <a:rPr lang="en-GB" sz="1800" smtClean="0"/>
              <a:pPr>
                <a:spcAft>
                  <a:spcPts val="600"/>
                </a:spcAft>
              </a:pPr>
              <a:t>6</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10452484" cy="450000"/>
          </a:xfrm>
        </p:spPr>
        <p:txBody>
          <a:bodyPr anchor="t">
            <a:normAutofit/>
          </a:bodyPr>
          <a:lstStyle/>
          <a:p>
            <a:r>
              <a:rPr lang="en-GB" dirty="0"/>
              <a:t>Test Workspace</a:t>
            </a:r>
          </a:p>
        </p:txBody>
      </p:sp>
      <p:pic>
        <p:nvPicPr>
          <p:cNvPr id="2052" name="Picture 4" descr="No description available.">
            <a:extLst>
              <a:ext uri="{FF2B5EF4-FFF2-40B4-BE49-F238E27FC236}">
                <a16:creationId xmlns:a16="http://schemas.microsoft.com/office/drawing/2014/main" id="{AC48B67B-83C6-DD1D-26A6-14B110074ABF}"/>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26509" r="21688"/>
          <a:stretch/>
        </p:blipFill>
        <p:spPr bwMode="auto">
          <a:xfrm>
            <a:off x="6777091" y="1253002"/>
            <a:ext cx="4637497" cy="435199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5203895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A loaf of bread with carved text on it&#10;&#10;Description automatically generated">
            <a:extLst>
              <a:ext uri="{FF2B5EF4-FFF2-40B4-BE49-F238E27FC236}">
                <a16:creationId xmlns:a16="http://schemas.microsoft.com/office/drawing/2014/main" id="{F19C6052-6372-C172-404A-0F30F85DB4AD}"/>
              </a:ext>
            </a:extLst>
          </p:cNvPr>
          <p:cNvPicPr>
            <a:picLocks noChangeAspect="1"/>
          </p:cNvPicPr>
          <p:nvPr/>
        </p:nvPicPr>
        <p:blipFill>
          <a:blip r:embed="rId2"/>
          <a:srcRect b="9287"/>
          <a:stretch/>
        </p:blipFill>
        <p:spPr>
          <a:xfrm>
            <a:off x="431999" y="1061998"/>
            <a:ext cx="5556001" cy="5040000"/>
          </a:xfrm>
          <a:prstGeom prst="rect">
            <a:avLst/>
          </a:prstGeom>
          <a:noFill/>
        </p:spPr>
      </p:pic>
      <p:sp>
        <p:nvSpPr>
          <p:cNvPr id="6" name="Content Placeholder 5">
            <a:extLst>
              <a:ext uri="{FF2B5EF4-FFF2-40B4-BE49-F238E27FC236}">
                <a16:creationId xmlns:a16="http://schemas.microsoft.com/office/drawing/2014/main" id="{AB2F36FB-C2C7-8287-D709-FCBB3C038231}"/>
              </a:ext>
            </a:extLst>
          </p:cNvPr>
          <p:cNvSpPr>
            <a:spLocks noGrp="1"/>
          </p:cNvSpPr>
          <p:nvPr>
            <p:ph sz="half" idx="2"/>
          </p:nvPr>
        </p:nvSpPr>
        <p:spPr>
          <a:xfrm>
            <a:off x="6204001" y="1061998"/>
            <a:ext cx="5556001" cy="5040000"/>
          </a:xfrm>
        </p:spPr>
        <p:txBody>
          <a:bodyPr>
            <a:normAutofit/>
          </a:bodyPr>
          <a:lstStyle/>
          <a:p>
            <a:pPr marL="277200" indent="0">
              <a:spcAft>
                <a:spcPts val="600"/>
              </a:spcAft>
              <a:buNone/>
            </a:pPr>
            <a:r>
              <a:rPr lang="en-GB" dirty="0">
                <a:effectLst/>
              </a:rPr>
              <a:t>The production workspace is the final stage where approved content is made available to end-users. Key features include:</a:t>
            </a:r>
          </a:p>
          <a:p>
            <a:pPr marL="342900" lvl="0" indent="-342900">
              <a:buFont typeface="Symbol" panose="05050102010706020507" pitchFamily="18" charset="2"/>
              <a:buChar char=""/>
            </a:pPr>
            <a:r>
              <a:rPr lang="en-GB" dirty="0">
                <a:effectLst/>
              </a:rPr>
              <a:t>Contains only thoroughly tested and approved reports and dashboards</a:t>
            </a:r>
          </a:p>
          <a:p>
            <a:pPr marL="342900" lvl="0" indent="-342900">
              <a:buFont typeface="Symbol" panose="05050102010706020507" pitchFamily="18" charset="2"/>
              <a:buChar char=""/>
            </a:pPr>
            <a:r>
              <a:rPr lang="en-GB" dirty="0">
                <a:effectLst/>
              </a:rPr>
              <a:t>Access restricted to administrators and select developers</a:t>
            </a:r>
          </a:p>
          <a:p>
            <a:pPr marL="342900" lvl="0" indent="-342900">
              <a:buFont typeface="Symbol" panose="05050102010706020507" pitchFamily="18" charset="2"/>
              <a:buChar char=""/>
            </a:pPr>
            <a:r>
              <a:rPr lang="en-GB" dirty="0">
                <a:effectLst/>
              </a:rPr>
              <a:t>Connects to live production data sources</a:t>
            </a:r>
          </a:p>
          <a:p>
            <a:pPr marL="342900" lvl="0" indent="-342900">
              <a:buFont typeface="Symbol" panose="05050102010706020507" pitchFamily="18" charset="2"/>
              <a:buChar char=""/>
            </a:pPr>
            <a:r>
              <a:rPr lang="en-GB" dirty="0">
                <a:effectLst/>
              </a:rPr>
              <a:t>Associated with a production app for distribution to end-users</a:t>
            </a:r>
          </a:p>
          <a:p>
            <a:pPr marL="342900" lvl="0" indent="-342900">
              <a:buFont typeface="Symbol" panose="05050102010706020507" pitchFamily="18" charset="2"/>
              <a:buChar char=""/>
            </a:pPr>
            <a:r>
              <a:rPr lang="en-GB" dirty="0">
                <a:effectLst/>
              </a:rPr>
              <a:t>Subject to stricter change management processes</a:t>
            </a:r>
          </a:p>
          <a:p>
            <a:pPr marL="342900" lvl="0" indent="-342900">
              <a:spcAft>
                <a:spcPts val="600"/>
              </a:spcAft>
              <a:buFont typeface="Symbol" panose="05050102010706020507" pitchFamily="18" charset="2"/>
              <a:buChar char=""/>
            </a:pPr>
            <a:r>
              <a:rPr lang="en-GB" dirty="0">
                <a:effectLst/>
              </a:rPr>
              <a:t>Monitored for performance and usage metrics</a:t>
            </a:r>
          </a:p>
          <a:p>
            <a:pPr marL="342900" lvl="0" indent="-342900">
              <a:spcAft>
                <a:spcPts val="600"/>
              </a:spcAft>
              <a:buFont typeface="Symbol" panose="05050102010706020507" pitchFamily="18" charset="2"/>
              <a:buChar char=""/>
            </a:pPr>
            <a:endParaRPr lang="en-GB" dirty="0">
              <a:effectLst/>
            </a:endParaRPr>
          </a:p>
        </p:txBody>
      </p:sp>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anchor="ctr">
            <a:normAutofit/>
          </a:bodyPr>
          <a:lstStyle/>
          <a:p>
            <a:pPr>
              <a:spcAft>
                <a:spcPts val="600"/>
              </a:spcAft>
            </a:pPr>
            <a:r>
              <a:rPr lang="en-GB"/>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401300" y="6312875"/>
            <a:ext cx="1358700" cy="365125"/>
          </a:xfrm>
        </p:spPr>
        <p:txBody>
          <a:bodyPr anchor="ctr">
            <a:normAutofit/>
          </a:bodyPr>
          <a:lstStyle/>
          <a:p>
            <a:pPr>
              <a:spcAft>
                <a:spcPts val="600"/>
              </a:spcAft>
            </a:pPr>
            <a:fld id="{C855AFFB-64D9-4FA4-905E-E079B4C44CCB}" type="slidenum">
              <a:rPr lang="en-GB" sz="1800" smtClean="0"/>
              <a:pPr>
                <a:spcAft>
                  <a:spcPts val="600"/>
                </a:spcAft>
              </a:pPr>
              <a:t>7</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10452484" cy="450000"/>
          </a:xfrm>
        </p:spPr>
        <p:txBody>
          <a:bodyPr anchor="t">
            <a:normAutofit/>
          </a:bodyPr>
          <a:lstStyle/>
          <a:p>
            <a:r>
              <a:rPr lang="en-GB" dirty="0"/>
              <a:t>Production Workspace</a:t>
            </a:r>
          </a:p>
        </p:txBody>
      </p:sp>
    </p:spTree>
    <p:extLst>
      <p:ext uri="{BB962C8B-B14F-4D97-AF65-F5344CB8AC3E}">
        <p14:creationId xmlns:p14="http://schemas.microsoft.com/office/powerpoint/2010/main" val="87436603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410" name="Picture 2" descr="A diagram of a computer flowchart&#10;&#10;Description automatically generated">
            <a:extLst>
              <a:ext uri="{FF2B5EF4-FFF2-40B4-BE49-F238E27FC236}">
                <a16:creationId xmlns:a16="http://schemas.microsoft.com/office/drawing/2014/main" id="{EDF5ABAB-52A5-FFB0-1EFB-5D8D4B752DC1}"/>
              </a:ext>
            </a:extLst>
          </p:cNvPr>
          <p:cNvPicPr>
            <a:picLocks noChangeAspect="1" noChangeArrowheads="1"/>
          </p:cNvPicPr>
          <p:nvPr/>
        </p:nvPicPr>
        <p:blipFill>
          <a:blip r:embed="rId2">
            <a:extLst>
              <a:ext uri="{28A0092B-C50C-407E-A947-70E740481C1C}">
                <a14:useLocalDpi xmlns:a14="http://schemas.microsoft.com/office/drawing/2010/main" val="0"/>
              </a:ext>
            </a:extLst>
          </a:blip>
          <a:stretch>
            <a:fillRect/>
          </a:stretch>
        </p:blipFill>
        <p:spPr bwMode="auto">
          <a:xfrm>
            <a:off x="431999" y="2194319"/>
            <a:ext cx="11328002" cy="2775359"/>
          </a:xfrm>
          <a:prstGeom prst="rect">
            <a:avLst/>
          </a:prstGeom>
          <a:solidFill>
            <a:srgbClr val="FFFFFF"/>
          </a:solidFill>
        </p:spPr>
      </p:pic>
      <p:sp>
        <p:nvSpPr>
          <p:cNvPr id="3" name="Footer Placeholder 2">
            <a:extLst>
              <a:ext uri="{FF2B5EF4-FFF2-40B4-BE49-F238E27FC236}">
                <a16:creationId xmlns:a16="http://schemas.microsoft.com/office/drawing/2014/main" id="{626E2E36-5386-375E-0555-AFB44ED0AC87}"/>
              </a:ext>
            </a:extLst>
          </p:cNvPr>
          <p:cNvSpPr>
            <a:spLocks noGrp="1"/>
          </p:cNvSpPr>
          <p:nvPr>
            <p:ph type="ftr" sz="quarter" idx="10"/>
          </p:nvPr>
        </p:nvSpPr>
        <p:spPr>
          <a:xfrm>
            <a:off x="430625" y="6312875"/>
            <a:ext cx="2198275" cy="365125"/>
          </a:xfrm>
        </p:spPr>
        <p:txBody>
          <a:bodyPr anchor="ctr">
            <a:normAutofit/>
          </a:bodyPr>
          <a:lstStyle/>
          <a:p>
            <a:pPr>
              <a:spcAft>
                <a:spcPts val="600"/>
              </a:spcAft>
            </a:pPr>
            <a:r>
              <a:rPr lang="en-GB"/>
              <a:t>Transforming Lives.</a:t>
            </a:r>
          </a:p>
        </p:txBody>
      </p:sp>
      <p:sp>
        <p:nvSpPr>
          <p:cNvPr id="1035" name="Slide Number Placeholder 6">
            <a:extLst>
              <a:ext uri="{FF2B5EF4-FFF2-40B4-BE49-F238E27FC236}">
                <a16:creationId xmlns:a16="http://schemas.microsoft.com/office/drawing/2014/main" id="{9DC287D6-013F-EF43-8412-F7D9A9A8FC5A}"/>
              </a:ext>
            </a:extLst>
          </p:cNvPr>
          <p:cNvSpPr>
            <a:spLocks noGrp="1"/>
          </p:cNvSpPr>
          <p:nvPr>
            <p:ph type="sldNum" sz="quarter" idx="11"/>
          </p:nvPr>
        </p:nvSpPr>
        <p:spPr>
          <a:xfrm>
            <a:off x="10584180" y="6312875"/>
            <a:ext cx="1175819" cy="365125"/>
          </a:xfrm>
        </p:spPr>
        <p:txBody>
          <a:bodyPr anchor="ctr">
            <a:normAutofit/>
          </a:bodyPr>
          <a:lstStyle/>
          <a:p>
            <a:pPr>
              <a:spcAft>
                <a:spcPts val="600"/>
              </a:spcAft>
            </a:pPr>
            <a:fld id="{C855AFFB-64D9-4FA4-905E-E079B4C44CCB}" type="slidenum">
              <a:rPr lang="en-GB" sz="1800" smtClean="0"/>
              <a:pPr>
                <a:spcAft>
                  <a:spcPts val="600"/>
                </a:spcAft>
              </a:pPr>
              <a:t>8</a:t>
            </a:fld>
            <a:r>
              <a:rPr lang="en-GB" sz="1800"/>
              <a:t>.</a:t>
            </a:r>
          </a:p>
        </p:txBody>
      </p:sp>
      <p:sp>
        <p:nvSpPr>
          <p:cNvPr id="5" name="Title 4">
            <a:extLst>
              <a:ext uri="{FF2B5EF4-FFF2-40B4-BE49-F238E27FC236}">
                <a16:creationId xmlns:a16="http://schemas.microsoft.com/office/drawing/2014/main" id="{CFFBD462-1E29-49B0-B3A1-760679DD9E64}"/>
              </a:ext>
            </a:extLst>
          </p:cNvPr>
          <p:cNvSpPr>
            <a:spLocks noGrp="1"/>
          </p:cNvSpPr>
          <p:nvPr>
            <p:ph type="title"/>
          </p:nvPr>
        </p:nvSpPr>
        <p:spPr>
          <a:xfrm>
            <a:off x="432000" y="324000"/>
            <a:ext cx="10452484" cy="450000"/>
          </a:xfrm>
        </p:spPr>
        <p:txBody>
          <a:bodyPr anchor="t">
            <a:normAutofit/>
          </a:bodyPr>
          <a:lstStyle/>
          <a:p>
            <a:r>
              <a:rPr lang="en-GB" dirty="0"/>
              <a:t>Typical Workflow</a:t>
            </a:r>
          </a:p>
        </p:txBody>
      </p:sp>
    </p:spTree>
    <p:extLst>
      <p:ext uri="{BB962C8B-B14F-4D97-AF65-F5344CB8AC3E}">
        <p14:creationId xmlns:p14="http://schemas.microsoft.com/office/powerpoint/2010/main" val="63840807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8FFEC12C-31DD-642B-3B67-CEFA5CC0DEF5}"/>
              </a:ext>
            </a:extLst>
          </p:cNvPr>
          <p:cNvSpPr>
            <a:spLocks noGrp="1"/>
          </p:cNvSpPr>
          <p:nvPr>
            <p:ph type="title"/>
          </p:nvPr>
        </p:nvSpPr>
        <p:spPr/>
        <p:txBody>
          <a:bodyPr/>
          <a:lstStyle/>
          <a:p>
            <a:r>
              <a:rPr lang="en-GB" dirty="0"/>
              <a:t>Best Practices</a:t>
            </a:r>
          </a:p>
        </p:txBody>
      </p:sp>
      <p:sp>
        <p:nvSpPr>
          <p:cNvPr id="4" name="Footer Placeholder 3">
            <a:extLst>
              <a:ext uri="{FF2B5EF4-FFF2-40B4-BE49-F238E27FC236}">
                <a16:creationId xmlns:a16="http://schemas.microsoft.com/office/drawing/2014/main" id="{41795FA1-4170-4AE5-C252-B9320DAD6445}"/>
              </a:ext>
            </a:extLst>
          </p:cNvPr>
          <p:cNvSpPr>
            <a:spLocks noGrp="1"/>
          </p:cNvSpPr>
          <p:nvPr>
            <p:ph type="ftr" sz="quarter" idx="4294967295"/>
          </p:nvPr>
        </p:nvSpPr>
        <p:spPr>
          <a:xfrm>
            <a:off x="0" y="6313488"/>
            <a:ext cx="2198688" cy="365125"/>
          </a:xfrm>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5" name="Slide Number Placeholder 4">
            <a:extLst>
              <a:ext uri="{FF2B5EF4-FFF2-40B4-BE49-F238E27FC236}">
                <a16:creationId xmlns:a16="http://schemas.microsoft.com/office/drawing/2014/main" id="{7677B164-F9D7-A7B8-7EB1-E5C5C03E0ECD}"/>
              </a:ext>
            </a:extLst>
          </p:cNvPr>
          <p:cNvSpPr>
            <a:spLocks noGrp="1"/>
          </p:cNvSpPr>
          <p:nvPr>
            <p:ph type="sldNum" sz="quarter" idx="4294967295"/>
          </p:nvPr>
        </p:nvSpPr>
        <p:spPr>
          <a:xfrm>
            <a:off x="10833100" y="6313488"/>
            <a:ext cx="1358900" cy="365125"/>
          </a:xfrm>
        </p:spPr>
        <p:txBody>
          <a:bodyPr/>
          <a:lstStyle/>
          <a:p>
            <a:fld id="{C855AFFB-64D9-4FA4-905E-E079B4C44CCB}" type="slidenum">
              <a:rPr lang="en-GB" sz="1800" smtClean="0"/>
              <a:pPr/>
              <a:t>9</a:t>
            </a:fld>
            <a:r>
              <a:rPr lang="en-GB">
                <a:latin typeface="Avenir Next LT Pro" panose="020B0504020202020204" pitchFamily="34" charset="0"/>
              </a:rPr>
              <a:t>.</a:t>
            </a:r>
            <a:endParaRPr lang="en-GB" dirty="0">
              <a:latin typeface="Avenir Next LT Pro" panose="020B0504020202020204" pitchFamily="34" charset="0"/>
            </a:endParaRPr>
          </a:p>
        </p:txBody>
      </p:sp>
    </p:spTree>
    <p:extLst>
      <p:ext uri="{BB962C8B-B14F-4D97-AF65-F5344CB8AC3E}">
        <p14:creationId xmlns:p14="http://schemas.microsoft.com/office/powerpoint/2010/main" val="328646138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GUIDEMETRICUNIT" val="cm"/>
  <p:tag name="MASTERLEFTMARGIN" val="36.36"/>
  <p:tag name="MASTERRIGHTMARGIN" val="36.36"/>
  <p:tag name="MASTERTOPMARGIN" val="122"/>
  <p:tag name="MASTERBOTTOMMARGIN" val="122"/>
  <p:tag name="CUSTMASTERLEFTMARGIN" val="36.36"/>
  <p:tag name="CUSTMASTERRIGHTMARGIN" val="36.36"/>
  <p:tag name="CUSTMASTERTOPMARGIN" val="122"/>
  <p:tag name="CUSTMASTERBOTTOMMARGIN" val="122"/>
  <p:tag name="GUIDESAPPLIEDTO" val="2"/>
  <p:tag name="TITLETOPMARGIN" val="25.5118"/>
  <p:tag name="TITLEBOTTOMMARGIN" val="60.9449"/>
  <p:tag name="FOOTERTOPMARGIN" val="497.0768"/>
  <p:tag name="FOOTERBOTTOMMARGIN" val="525.8268"/>
  <p:tag name="MAXCOLS" val="9"/>
  <p:tag name="MAXROWS" val="6"/>
  <p:tag name="MAXGUTTERROW" val="1 cm"/>
  <p:tag name="MAXGUTTERCOL" val="1 cm"/>
</p:tagLst>
</file>

<file path=ppt/tags/tag1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11.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2"/>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ROWS" val="1"/>
  <p:tag name="GUTTERCOL" val="0.6 cm"/>
  <p:tag name="GUTTERROW" val="0.6 cm"/>
  <p:tag name="GUIDESAPPLIEDTO" val="2"/>
  <p:tag name="GUIDECOLS"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2"/>
  <p:tag name="GUIDEROWS" val="2"/>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3"/>
  <p:tag name="GUIDEROWS" val="2"/>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2"/>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6"/>
  <p:tag name="GUIDEROWS" val="1"/>
  <p:tag name="GUTTERCOL" val="0.6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6"/>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2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xml><?xml version="1.0" encoding="utf-8"?>
<p:tagLst xmlns:a="http://schemas.openxmlformats.org/drawingml/2006/main" xmlns:r="http://schemas.openxmlformats.org/officeDocument/2006/relationships" xmlns:p="http://schemas.openxmlformats.org/presentationml/2006/main">
  <p:tag name="GUIDESFOOTERSHAPE" val="True"/>
</p:tagLst>
</file>

<file path=ppt/tags/tag5.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CUSTMASTERTOPMARGIN" val="83.622"/>
  <p:tag name="CUSTMASTERLEFTMARGIN" val="34.0157"/>
  <p:tag name="CUSTMASTERRIGHTMARGIN" val="34.0157"/>
  <p:tag name="CUSTMASTERBOTTOMMARGIN" val="59.5276"/>
  <p:tag name="GUTTERCOL" val="0.6 cm"/>
  <p:tag name="GUTTERROW" val="0.6 cm"/>
  <p:tag name="MASTERTOPMARGIN" val="122"/>
  <p:tag name="MASTERLEFTMARGIN" val="36.36"/>
  <p:tag name="MASTERRIGHTMARGIN" val="36.36"/>
  <p:tag name="MASTERBOTTOMMARGIN" val="122"/>
</p:tagLst>
</file>

<file path=ppt/tags/tag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8.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heme/theme1.xml><?xml version="1.0" encoding="utf-8"?>
<a:theme xmlns:a="http://schemas.openxmlformats.org/drawingml/2006/main" name="Office Theme">
  <a:themeElements>
    <a:clrScheme name="Maximus 2022">
      <a:dk1>
        <a:srgbClr val="000000"/>
      </a:dk1>
      <a:lt1>
        <a:sysClr val="window" lastClr="FFFFFF"/>
      </a:lt1>
      <a:dk2>
        <a:srgbClr val="200649"/>
      </a:dk2>
      <a:lt2>
        <a:srgbClr val="502E91"/>
      </a:lt2>
      <a:accent1>
        <a:srgbClr val="502E91"/>
      </a:accent1>
      <a:accent2>
        <a:srgbClr val="9F7FC9"/>
      </a:accent2>
      <a:accent3>
        <a:srgbClr val="2D6732"/>
      </a:accent3>
      <a:accent4>
        <a:srgbClr val="468C40"/>
      </a:accent4>
      <a:accent5>
        <a:srgbClr val="7CBE64"/>
      </a:accent5>
      <a:accent6>
        <a:srgbClr val="3A52A4"/>
      </a:accent6>
      <a:hlink>
        <a:srgbClr val="6277B9"/>
      </a:hlink>
      <a:folHlink>
        <a:srgbClr val="954F72"/>
      </a:folHlink>
    </a:clrScheme>
    <a:fontScheme name="Maximus 2022">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Maximus 16x9.potx" id="{5CD1F157-80A5-48B8-96D4-904D8A2176A2}" vid="{1E94CD62-E92B-4C97-81C2-CC7256D3BCA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formDataEntries":[]}]]></TemplafyFormConfiguration>
</file>

<file path=customXml/item2.xml><?xml version="1.0" encoding="utf-8"?>
<TemplafySlideTemplateConfiguration><![CDATA[{"slideVersion":1,"isValidatorEnabled":false,"isLocked":false,"elementsMetadata":[],"slideId":"637962539440566539","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TemplafyTemplateConfiguration><![CDATA[{"elementsMetadata":[],"transformationConfigurations":[],"templateName":"PowerPoint Blank","templateDescription":"","enableDocumentContentUpdater":false,"version":"2.0"}]]></TemplafyTemplateConfiguration>
</file>

<file path=customXml/itemProps1.xml><?xml version="1.0" encoding="utf-8"?>
<ds:datastoreItem xmlns:ds="http://schemas.openxmlformats.org/officeDocument/2006/customXml" ds:itemID="{16EB901A-8AC7-465D-8199-46A738F803A7}">
  <ds:schemaRefs/>
</ds:datastoreItem>
</file>

<file path=customXml/itemProps2.xml><?xml version="1.0" encoding="utf-8"?>
<ds:datastoreItem xmlns:ds="http://schemas.openxmlformats.org/officeDocument/2006/customXml" ds:itemID="{B4D1FAD0-354E-4A44-A7BE-A6FA0637F2BA}">
  <ds:schemaRefs/>
</ds:datastoreItem>
</file>

<file path=customXml/itemProps3.xml><?xml version="1.0" encoding="utf-8"?>
<ds:datastoreItem xmlns:ds="http://schemas.openxmlformats.org/officeDocument/2006/customXml" ds:itemID="{B5FBB46B-4AAE-4EB1-B4DB-CCAB0259E4A3}">
  <ds:schemaRefs/>
</ds:datastoreItem>
</file>

<file path=customXml/itemProps4.xml><?xml version="1.0" encoding="utf-8"?>
<ds:datastoreItem xmlns:ds="http://schemas.openxmlformats.org/officeDocument/2006/customXml" ds:itemID="{7CD0A1BA-AECB-453F-88CE-71EA9D9C85E1}">
  <ds:schemaRefs/>
</ds:datastoreItem>
</file>

<file path=docProps/app.xml><?xml version="1.0" encoding="utf-8"?>
<Properties xmlns="http://schemas.openxmlformats.org/officeDocument/2006/extended-properties" xmlns:vt="http://schemas.openxmlformats.org/officeDocument/2006/docPropsVTypes">
  <Template>UK PowerPoint Template</Template>
  <TotalTime>13588</TotalTime>
  <Words>1339</Words>
  <Application>Microsoft Office PowerPoint</Application>
  <PresentationFormat>Widescreen</PresentationFormat>
  <Paragraphs>168</Paragraphs>
  <Slides>19</Slides>
  <Notes>0</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19</vt:i4>
      </vt:variant>
    </vt:vector>
  </HeadingPairs>
  <TitlesOfParts>
    <vt:vector size="27" baseType="lpstr">
      <vt:lpstr>Aptos</vt:lpstr>
      <vt:lpstr>Arial</vt:lpstr>
      <vt:lpstr>Avenir Next LT Pro</vt:lpstr>
      <vt:lpstr>Calibri</vt:lpstr>
      <vt:lpstr>Courier New</vt:lpstr>
      <vt:lpstr>Segoe UI VSS (Regular)</vt:lpstr>
      <vt:lpstr>Symbol</vt:lpstr>
      <vt:lpstr>Office Theme</vt:lpstr>
      <vt:lpstr>Power BI Report Deployment Guidelines</vt:lpstr>
      <vt:lpstr>Introduction</vt:lpstr>
      <vt:lpstr>Benefits</vt:lpstr>
      <vt:lpstr>Prerequisite</vt:lpstr>
      <vt:lpstr>Development Workspace</vt:lpstr>
      <vt:lpstr>Test Workspace</vt:lpstr>
      <vt:lpstr>Production Workspace</vt:lpstr>
      <vt:lpstr>Typical Workflow</vt:lpstr>
      <vt:lpstr>Best Practices</vt:lpstr>
      <vt:lpstr>General Best Practice</vt:lpstr>
      <vt:lpstr>Report Colourisation</vt:lpstr>
      <vt:lpstr>Report Endorsement </vt:lpstr>
      <vt:lpstr>Data Classification </vt:lpstr>
      <vt:lpstr>Access Control</vt:lpstr>
      <vt:lpstr>Automation of UAT</vt:lpstr>
      <vt:lpstr>DnA Reports Differentiator </vt:lpstr>
      <vt:lpstr>Support Sign-off</vt:lpstr>
      <vt:lpstr>Deployment Checklist</vt:lpstr>
      <vt:lpstr>Report Usage Monitoring</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Teruyuki Ito Jr.</dc:creator>
  <cp:lastModifiedBy>Teruyuki Ito</cp:lastModifiedBy>
  <cp:revision>64</cp:revision>
  <dcterms:created xsi:type="dcterms:W3CDTF">2024-04-22T15:25:02Z</dcterms:created>
  <dcterms:modified xsi:type="dcterms:W3CDTF">2024-11-15T15:28:5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4</vt:lpwstr>
  </property>
  <property fmtid="{D5CDD505-2E9C-101B-9397-08002B2CF9AE}" pid="3" name="TemplafyTimeStamp">
    <vt:lpwstr>2022-08-16T13:39:04</vt:lpwstr>
  </property>
  <property fmtid="{D5CDD505-2E9C-101B-9397-08002B2CF9AE}" pid="4" name="TemplafyTenantId">
    <vt:lpwstr>maximusuk</vt:lpwstr>
  </property>
  <property fmtid="{D5CDD505-2E9C-101B-9397-08002B2CF9AE}" pid="5" name="TemplafyTemplateId">
    <vt:lpwstr>637962539428863352</vt:lpwstr>
  </property>
  <property fmtid="{D5CDD505-2E9C-101B-9397-08002B2CF9AE}" pid="6" name="TemplafyUserProfileId">
    <vt:lpwstr>847077176358469715</vt:lpwstr>
  </property>
  <property fmtid="{D5CDD505-2E9C-101B-9397-08002B2CF9AE}" pid="7" name="TemplafyFromBlank">
    <vt:bool>true</vt:bool>
  </property>
</Properties>
</file>